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0504\20_調査\01_一般廃棄物処理事業実績\02_一般廃棄物処理事業の概要\R06\10_完成版\20_エクセル版\Hp用_コンテンツ\"/>
    </mc:Choice>
  </mc:AlternateContent>
  <xr:revisionPtr revIDLastSave="0" documentId="13_ncr:1_{63B8AFAA-5F46-4DE4-8B0E-1ABDB5990F77}" xr6:coauthVersionLast="47" xr6:coauthVersionMax="47" xr10:uidLastSave="{00000000-0000-0000-0000-000000000000}"/>
  <bookViews>
    <workbookView xWindow="-120" yWindow="-120" windowWidth="29040" windowHeight="15720" activeTab="2" xr2:uid="{00000000-000D-0000-FFFF-FFFF00000000}"/>
  </bookViews>
  <sheets>
    <sheet name="表2-1" sheetId="1" r:id="rId1"/>
    <sheet name="表2-2" sheetId="2" r:id="rId2"/>
    <sheet name="図Ⅱ－１" sheetId="3" r:id="rId3"/>
    <sheet name="表2-3" sheetId="4" r:id="rId4"/>
    <sheet name="表2-4" sheetId="5" r:id="rId5"/>
    <sheet name="表2-5" sheetId="6" r:id="rId6"/>
    <sheet name="表2-6" sheetId="7" r:id="rId7"/>
    <sheet name="表2-7" sheetId="12" r:id="rId8"/>
  </sheets>
  <definedNames>
    <definedName name="_Order1" hidden="1">255</definedName>
    <definedName name="_xlnm.Print_Area" localSheetId="2">'図Ⅱ－１'!$A$1:$Q$54</definedName>
    <definedName name="_xlnm.Print_Area" localSheetId="0">'表2-1'!$A$1:$H$46</definedName>
    <definedName name="_xlnm.Print_Area" localSheetId="1">'表2-2'!$A$1:$H$62</definedName>
    <definedName name="_xlnm.Print_Area" localSheetId="3">'表2-3'!$A$1:$Z$53</definedName>
    <definedName name="_xlnm.Print_Area" localSheetId="4">'表2-4'!$A$1:$S$49</definedName>
    <definedName name="_xlnm.Print_Area" localSheetId="5">'表2-5'!$A$1:$S$50</definedName>
    <definedName name="_xlnm.Print_Area" localSheetId="6">'表2-6'!$A$1:$W$54</definedName>
    <definedName name="_xlnm.Print_Area" localSheetId="7">'表2-7'!$A$1:$X$53</definedName>
    <definedName name="横浜市">#REF!</definedName>
    <definedName name="月報">"グラフ 1"</definedName>
    <definedName name="市名">#REF!</definedName>
    <definedName name="人口と世帯３">#REF!</definedName>
    <definedName name="川崎市">#REF!</definedName>
    <definedName name="相模原市">#REF!</definedName>
    <definedName name="年度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企画部情報システム課</author>
  </authors>
  <commentList>
    <comment ref="A1" authorId="0" shapeId="0" xr:uid="{0F976A5D-2E92-4746-9A5E-31D13E639512}">
      <text>
        <r>
          <rPr>
            <b/>
            <sz val="9"/>
            <color indexed="81"/>
            <rFont val="ＭＳ Ｐゴシック"/>
            <family val="3"/>
            <charset val="128"/>
          </rPr>
          <t>実態調査06表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703" uniqueCount="311">
  <si>
    <t>１　市町村及び一部事務組合</t>
    <rPh sb="2" eb="5">
      <t>シチョウソン</t>
    </rPh>
    <rPh sb="5" eb="6">
      <t>オヨ</t>
    </rPh>
    <rPh sb="7" eb="9">
      <t>イチブ</t>
    </rPh>
    <rPh sb="9" eb="11">
      <t>ジム</t>
    </rPh>
    <rPh sb="11" eb="13">
      <t>クミアイ</t>
    </rPh>
    <phoneticPr fontId="5"/>
  </si>
  <si>
    <t xml:space="preserve">表Ⅱ－１  行政区域面積・人口・世帯数一覧表   </t>
    <rPh sb="0" eb="1">
      <t>ヒョウ</t>
    </rPh>
    <rPh sb="6" eb="8">
      <t>ギョウセイ</t>
    </rPh>
    <rPh sb="8" eb="10">
      <t>クイキ</t>
    </rPh>
    <rPh sb="10" eb="12">
      <t>メンセキ</t>
    </rPh>
    <rPh sb="13" eb="15">
      <t>ジンコウ</t>
    </rPh>
    <rPh sb="16" eb="19">
      <t>セタイスウ</t>
    </rPh>
    <rPh sb="19" eb="22">
      <t>イチランヒョウ</t>
    </rPh>
    <phoneticPr fontId="5"/>
  </si>
  <si>
    <t>面       積                 （ ｋ㎡）</t>
    <rPh sb="0" eb="9">
      <t>メンセキ</t>
    </rPh>
    <phoneticPr fontId="5"/>
  </si>
  <si>
    <t>人           口          (人）</t>
    <rPh sb="0" eb="13">
      <t>ジンコウ</t>
    </rPh>
    <rPh sb="24" eb="25">
      <t>ニン</t>
    </rPh>
    <phoneticPr fontId="5"/>
  </si>
  <si>
    <t>世   帯   数
（世帯）</t>
    <rPh sb="0" eb="9">
      <t>セタイスウ</t>
    </rPh>
    <rPh sb="11" eb="13">
      <t>セタイ</t>
    </rPh>
    <phoneticPr fontId="5"/>
  </si>
  <si>
    <t>市  町  村  名</t>
    <rPh sb="0" eb="7">
      <t>シチョウソン</t>
    </rPh>
    <rPh sb="9" eb="10">
      <t>メイ</t>
    </rPh>
    <phoneticPr fontId="5"/>
  </si>
  <si>
    <t>市町村コード番号</t>
    <rPh sb="0" eb="1">
      <t>シ</t>
    </rPh>
    <rPh sb="1" eb="2">
      <t>チョウ</t>
    </rPh>
    <rPh sb="2" eb="3">
      <t>ソン</t>
    </rPh>
    <rPh sb="6" eb="8">
      <t>バンゴウ</t>
    </rPh>
    <phoneticPr fontId="5"/>
  </si>
  <si>
    <t>横浜市</t>
    <rPh sb="0" eb="3">
      <t>ヨコハマシ</t>
    </rPh>
    <phoneticPr fontId="5"/>
  </si>
  <si>
    <t>14100</t>
  </si>
  <si>
    <t>参考シート</t>
    <rPh sb="0" eb="2">
      <t>サンコウ</t>
    </rPh>
    <phoneticPr fontId="5"/>
  </si>
  <si>
    <t>事業体制</t>
    <rPh sb="0" eb="2">
      <t>ジギョウ</t>
    </rPh>
    <rPh sb="2" eb="4">
      <t>タイセイ</t>
    </rPh>
    <phoneticPr fontId="5"/>
  </si>
  <si>
    <t>川崎市</t>
    <rPh sb="0" eb="3">
      <t>カワサキシ</t>
    </rPh>
    <phoneticPr fontId="5"/>
  </si>
  <si>
    <t>14130</t>
  </si>
  <si>
    <t>相模原市</t>
    <rPh sb="0" eb="4">
      <t>サガミハラシ</t>
    </rPh>
    <phoneticPr fontId="5"/>
  </si>
  <si>
    <t>14150</t>
  </si>
  <si>
    <t>横須賀市</t>
    <rPh sb="0" eb="4">
      <t>ヨコスカシ</t>
    </rPh>
    <phoneticPr fontId="5"/>
  </si>
  <si>
    <t>14201</t>
  </si>
  <si>
    <t>平塚市</t>
    <rPh sb="0" eb="3">
      <t>ヒラツカシ</t>
    </rPh>
    <phoneticPr fontId="5"/>
  </si>
  <si>
    <t>14203</t>
  </si>
  <si>
    <t>鎌倉市</t>
    <rPh sb="0" eb="3">
      <t>カマクラシ</t>
    </rPh>
    <phoneticPr fontId="5"/>
  </si>
  <si>
    <t>14204</t>
  </si>
  <si>
    <t>藤沢市</t>
    <rPh sb="0" eb="3">
      <t>フジサワシ</t>
    </rPh>
    <phoneticPr fontId="5"/>
  </si>
  <si>
    <t>14205</t>
  </si>
  <si>
    <t>小田原市</t>
    <rPh sb="0" eb="4">
      <t>オダワラシ</t>
    </rPh>
    <phoneticPr fontId="5"/>
  </si>
  <si>
    <t>14206</t>
  </si>
  <si>
    <t>茅ヶ崎市</t>
    <rPh sb="0" eb="4">
      <t>チガサキシ</t>
    </rPh>
    <phoneticPr fontId="5"/>
  </si>
  <si>
    <t>14207</t>
  </si>
  <si>
    <t>逗子市</t>
    <rPh sb="0" eb="3">
      <t>ズシシ</t>
    </rPh>
    <phoneticPr fontId="5"/>
  </si>
  <si>
    <t>三浦市</t>
    <rPh sb="0" eb="3">
      <t>ミウラシ</t>
    </rPh>
    <phoneticPr fontId="5"/>
  </si>
  <si>
    <t>14210</t>
  </si>
  <si>
    <t>秦野市</t>
    <rPh sb="0" eb="3">
      <t>ハタノシ</t>
    </rPh>
    <phoneticPr fontId="5"/>
  </si>
  <si>
    <t>14211</t>
  </si>
  <si>
    <t>厚木市</t>
    <rPh sb="0" eb="3">
      <t>アツギシ</t>
    </rPh>
    <phoneticPr fontId="5"/>
  </si>
  <si>
    <t>14212</t>
  </si>
  <si>
    <t>大和市</t>
    <rPh sb="0" eb="3">
      <t>ヤマトシ</t>
    </rPh>
    <phoneticPr fontId="5"/>
  </si>
  <si>
    <t>14213</t>
  </si>
  <si>
    <t>伊勢原市</t>
    <rPh sb="0" eb="4">
      <t>イセハラシ</t>
    </rPh>
    <phoneticPr fontId="5"/>
  </si>
  <si>
    <t>14214</t>
  </si>
  <si>
    <t>海老名市</t>
    <rPh sb="0" eb="4">
      <t>エビナシ</t>
    </rPh>
    <phoneticPr fontId="5"/>
  </si>
  <si>
    <t>14215</t>
  </si>
  <si>
    <t>座間市</t>
    <rPh sb="0" eb="3">
      <t>ザマシ</t>
    </rPh>
    <phoneticPr fontId="5"/>
  </si>
  <si>
    <t>南足柄市</t>
    <rPh sb="0" eb="1">
      <t>ミナミ</t>
    </rPh>
    <rPh sb="1" eb="3">
      <t>アシガラシ</t>
    </rPh>
    <rPh sb="3" eb="4">
      <t>シ</t>
    </rPh>
    <phoneticPr fontId="5"/>
  </si>
  <si>
    <t>14217</t>
  </si>
  <si>
    <t>綾瀬市</t>
    <rPh sb="0" eb="2">
      <t>アヤセ</t>
    </rPh>
    <rPh sb="2" eb="3">
      <t>シ</t>
    </rPh>
    <phoneticPr fontId="5"/>
  </si>
  <si>
    <t>14218</t>
  </si>
  <si>
    <t>市  部  小  計</t>
    <rPh sb="0" eb="4">
      <t>シブ</t>
    </rPh>
    <rPh sb="6" eb="10">
      <t>ショウケイ</t>
    </rPh>
    <phoneticPr fontId="5"/>
  </si>
  <si>
    <t>-</t>
    <phoneticPr fontId="5"/>
  </si>
  <si>
    <t>葉山町</t>
    <rPh sb="0" eb="3">
      <t>ハヤママチ</t>
    </rPh>
    <phoneticPr fontId="5"/>
  </si>
  <si>
    <t>14301</t>
  </si>
  <si>
    <t>寒川町</t>
    <rPh sb="0" eb="3">
      <t>サムカワマチ</t>
    </rPh>
    <phoneticPr fontId="5"/>
  </si>
  <si>
    <t>14321</t>
  </si>
  <si>
    <t>大磯町</t>
    <rPh sb="0" eb="3">
      <t>オオイソマチ</t>
    </rPh>
    <phoneticPr fontId="5"/>
  </si>
  <si>
    <t>14341</t>
  </si>
  <si>
    <t>二宮町</t>
    <rPh sb="0" eb="2">
      <t>ニノミヤ</t>
    </rPh>
    <rPh sb="2" eb="3">
      <t>マチ</t>
    </rPh>
    <phoneticPr fontId="5"/>
  </si>
  <si>
    <t>14342</t>
  </si>
  <si>
    <t>中井町</t>
    <rPh sb="0" eb="3">
      <t>ナカイマチ</t>
    </rPh>
    <phoneticPr fontId="5"/>
  </si>
  <si>
    <t>14361</t>
  </si>
  <si>
    <t>大井町</t>
    <rPh sb="0" eb="3">
      <t>オオイマチ</t>
    </rPh>
    <phoneticPr fontId="5"/>
  </si>
  <si>
    <t>14362</t>
  </si>
  <si>
    <t>松田町</t>
    <rPh sb="0" eb="3">
      <t>マツダマチ</t>
    </rPh>
    <phoneticPr fontId="5"/>
  </si>
  <si>
    <t>14363</t>
  </si>
  <si>
    <t>山北町</t>
    <rPh sb="0" eb="3">
      <t>ヤマキタマチ</t>
    </rPh>
    <phoneticPr fontId="5"/>
  </si>
  <si>
    <t>14364</t>
  </si>
  <si>
    <t>開成町</t>
    <rPh sb="0" eb="3">
      <t>カイセイマチ</t>
    </rPh>
    <phoneticPr fontId="5"/>
  </si>
  <si>
    <t>14366</t>
  </si>
  <si>
    <t>箱根町</t>
    <rPh sb="0" eb="3">
      <t>ハコネマチ</t>
    </rPh>
    <phoneticPr fontId="5"/>
  </si>
  <si>
    <t>14382</t>
  </si>
  <si>
    <t>真鶴町</t>
    <rPh sb="0" eb="2">
      <t>マナヅル</t>
    </rPh>
    <rPh sb="2" eb="3">
      <t>マチ</t>
    </rPh>
    <phoneticPr fontId="5"/>
  </si>
  <si>
    <t>14383</t>
  </si>
  <si>
    <t>湯河原町</t>
    <rPh sb="0" eb="4">
      <t>ユガワラマチ</t>
    </rPh>
    <phoneticPr fontId="5"/>
  </si>
  <si>
    <t>愛川町</t>
    <rPh sb="0" eb="3">
      <t>アイカワマチ</t>
    </rPh>
    <phoneticPr fontId="5"/>
  </si>
  <si>
    <t>14401</t>
  </si>
  <si>
    <t>清川村</t>
    <rPh sb="0" eb="3">
      <t>キヨカワムラ</t>
    </rPh>
    <phoneticPr fontId="5"/>
  </si>
  <si>
    <t>郡  部   小  計</t>
    <rPh sb="0" eb="4">
      <t>グンブ</t>
    </rPh>
    <rPh sb="7" eb="11">
      <t>ショウケイ</t>
    </rPh>
    <phoneticPr fontId="5"/>
  </si>
  <si>
    <t>-</t>
    <phoneticPr fontId="5"/>
  </si>
  <si>
    <t>県     合     計</t>
    <rPh sb="0" eb="1">
      <t>ケン</t>
    </rPh>
    <rPh sb="6" eb="13">
      <t>ゴウケイ</t>
    </rPh>
    <phoneticPr fontId="5"/>
  </si>
  <si>
    <t>表Ⅱ－２  一般廃棄物処理関係一部事務組合一覧表</t>
    <phoneticPr fontId="5"/>
  </si>
  <si>
    <t xml:space="preserve">一 部 事 務 組 合 名              【 所        在        地 】    （ 設  立  年  月  日  ）   [事務組合コード番号]          </t>
    <rPh sb="0" eb="3">
      <t>イチブ</t>
    </rPh>
    <rPh sb="4" eb="7">
      <t>ジム</t>
    </rPh>
    <rPh sb="8" eb="11">
      <t>クミアイ</t>
    </rPh>
    <rPh sb="12" eb="13">
      <t>メイ</t>
    </rPh>
    <rPh sb="29" eb="48">
      <t>ショザイチ</t>
    </rPh>
    <rPh sb="56" eb="60">
      <t>セツリツ</t>
    </rPh>
    <rPh sb="62" eb="63">
      <t>ネン</t>
    </rPh>
    <rPh sb="65" eb="69">
      <t>ガッピ</t>
    </rPh>
    <rPh sb="76" eb="78">
      <t>ジム</t>
    </rPh>
    <rPh sb="78" eb="80">
      <t>クミアイ</t>
    </rPh>
    <rPh sb="83" eb="85">
      <t>バンゴウ</t>
    </rPh>
    <phoneticPr fontId="5"/>
  </si>
  <si>
    <t>構成市町の概要</t>
    <rPh sb="0" eb="2">
      <t>コウセイ</t>
    </rPh>
    <rPh sb="2" eb="3">
      <t>シ</t>
    </rPh>
    <rPh sb="3" eb="4">
      <t>マチ</t>
    </rPh>
    <rPh sb="5" eb="7">
      <t>ガイヨウ</t>
    </rPh>
    <phoneticPr fontId="5"/>
  </si>
  <si>
    <t>事　　　務　　　内　　　容</t>
    <rPh sb="0" eb="1">
      <t>コト</t>
    </rPh>
    <rPh sb="4" eb="5">
      <t>ツトム</t>
    </rPh>
    <rPh sb="8" eb="9">
      <t>ウチ</t>
    </rPh>
    <rPh sb="12" eb="13">
      <t>カタチ</t>
    </rPh>
    <phoneticPr fontId="5"/>
  </si>
  <si>
    <t>構　　成</t>
    <rPh sb="0" eb="1">
      <t>カマエ</t>
    </rPh>
    <rPh sb="3" eb="4">
      <t>シゲル</t>
    </rPh>
    <phoneticPr fontId="5"/>
  </si>
  <si>
    <t>面　　積</t>
    <rPh sb="0" eb="1">
      <t>メン</t>
    </rPh>
    <rPh sb="3" eb="4">
      <t>セキ</t>
    </rPh>
    <phoneticPr fontId="5"/>
  </si>
  <si>
    <t>人　　口</t>
    <rPh sb="0" eb="1">
      <t>ヒト</t>
    </rPh>
    <rPh sb="3" eb="4">
      <t>クチ</t>
    </rPh>
    <phoneticPr fontId="5"/>
  </si>
  <si>
    <t>世　帯　数</t>
    <rPh sb="0" eb="1">
      <t>ヨ</t>
    </rPh>
    <rPh sb="2" eb="3">
      <t>オビ</t>
    </rPh>
    <rPh sb="4" eb="5">
      <t>スウ</t>
    </rPh>
    <phoneticPr fontId="5"/>
  </si>
  <si>
    <t>市町村名</t>
    <rPh sb="0" eb="2">
      <t>シチョウ</t>
    </rPh>
    <rPh sb="2" eb="3">
      <t>ムラ</t>
    </rPh>
    <rPh sb="3" eb="4">
      <t>メイ</t>
    </rPh>
    <phoneticPr fontId="5"/>
  </si>
  <si>
    <t>（k㎡）</t>
    <phoneticPr fontId="5"/>
  </si>
  <si>
    <t>（人）</t>
    <rPh sb="1" eb="2">
      <t>ニン</t>
    </rPh>
    <phoneticPr fontId="5"/>
  </si>
  <si>
    <t>（世帯）</t>
    <rPh sb="1" eb="3">
      <t>セタイ</t>
    </rPh>
    <phoneticPr fontId="5"/>
  </si>
  <si>
    <t>秦野市伊勢原市</t>
    <rPh sb="0" eb="2">
      <t>ハタノシ</t>
    </rPh>
    <rPh sb="2" eb="3">
      <t>シ</t>
    </rPh>
    <rPh sb="3" eb="7">
      <t>イセハラシ</t>
    </rPh>
    <phoneticPr fontId="5"/>
  </si>
  <si>
    <t>秦野市</t>
    <rPh sb="0" eb="2">
      <t>ハタノシ</t>
    </rPh>
    <rPh sb="2" eb="3">
      <t>シ</t>
    </rPh>
    <phoneticPr fontId="5"/>
  </si>
  <si>
    <t>（１）ごみの中間処理、最終処分、施設建設</t>
    <rPh sb="6" eb="8">
      <t>チュウカン</t>
    </rPh>
    <rPh sb="8" eb="10">
      <t>ショリ</t>
    </rPh>
    <rPh sb="11" eb="15">
      <t>サイシュウショブン</t>
    </rPh>
    <rPh sb="16" eb="18">
      <t>シセツ</t>
    </rPh>
    <rPh sb="18" eb="20">
      <t>ケンセツ</t>
    </rPh>
    <phoneticPr fontId="5"/>
  </si>
  <si>
    <t>環境衛生組合</t>
    <rPh sb="0" eb="2">
      <t>カンキョウ</t>
    </rPh>
    <rPh sb="2" eb="4">
      <t>エイセイ</t>
    </rPh>
    <rPh sb="4" eb="6">
      <t>クミアイ</t>
    </rPh>
    <phoneticPr fontId="5"/>
  </si>
  <si>
    <t xml:space="preserve">      の計画・施工、資源化、残渣処理</t>
    <rPh sb="7" eb="9">
      <t>ケイカク</t>
    </rPh>
    <rPh sb="10" eb="12">
      <t>セコウ</t>
    </rPh>
    <rPh sb="13" eb="16">
      <t>シゲンカ</t>
    </rPh>
    <rPh sb="17" eb="19">
      <t>ザンサ</t>
    </rPh>
    <rPh sb="19" eb="21">
      <t>ショリ</t>
    </rPh>
    <phoneticPr fontId="5"/>
  </si>
  <si>
    <t>（２）火葬場</t>
    <rPh sb="3" eb="6">
      <t>カソウバ</t>
    </rPh>
    <phoneticPr fontId="5"/>
  </si>
  <si>
    <t>【秦野市曽屋4624】</t>
    <rPh sb="1" eb="3">
      <t>ハタノシ</t>
    </rPh>
    <rPh sb="3" eb="4">
      <t>シ</t>
    </rPh>
    <rPh sb="4" eb="6">
      <t>ソヤ</t>
    </rPh>
    <phoneticPr fontId="5"/>
  </si>
  <si>
    <t>（昭和36年5月20日）</t>
    <rPh sb="1" eb="3">
      <t>ショウワ</t>
    </rPh>
    <rPh sb="5" eb="6">
      <t>ネン</t>
    </rPh>
    <rPh sb="7" eb="8">
      <t>ガツ</t>
    </rPh>
    <rPh sb="10" eb="11">
      <t>ヒ</t>
    </rPh>
    <phoneticPr fontId="5"/>
  </si>
  <si>
    <t>計</t>
    <rPh sb="0" eb="1">
      <t>ケイ</t>
    </rPh>
    <phoneticPr fontId="5"/>
  </si>
  <si>
    <t>※　し尿処理については、平成21年９月を</t>
    <rPh sb="3" eb="4">
      <t>ニョウ</t>
    </rPh>
    <rPh sb="4" eb="6">
      <t>ショリ</t>
    </rPh>
    <rPh sb="12" eb="14">
      <t>ヘイセイ</t>
    </rPh>
    <rPh sb="16" eb="17">
      <t>ネン</t>
    </rPh>
    <rPh sb="18" eb="19">
      <t>ガツ</t>
    </rPh>
    <phoneticPr fontId="5"/>
  </si>
  <si>
    <t>〔14815〕</t>
    <phoneticPr fontId="5"/>
  </si>
  <si>
    <t>　　をもって事務外となった。</t>
    <rPh sb="6" eb="8">
      <t>ジム</t>
    </rPh>
    <rPh sb="8" eb="9">
      <t>ガイ</t>
    </rPh>
    <phoneticPr fontId="5"/>
  </si>
  <si>
    <t>高座清掃施設組合</t>
    <phoneticPr fontId="5"/>
  </si>
  <si>
    <t>（１）ごみの中間処理、最終処分、施設建設</t>
    <phoneticPr fontId="5"/>
  </si>
  <si>
    <t xml:space="preserve">      の計画・施工、資源化、残渣処理</t>
    <phoneticPr fontId="5"/>
  </si>
  <si>
    <t>【海老名市本郷 １】</t>
    <rPh sb="1" eb="5">
      <t>エビナシ</t>
    </rPh>
    <rPh sb="5" eb="7">
      <t>ホンゴウ</t>
    </rPh>
    <phoneticPr fontId="5"/>
  </si>
  <si>
    <t>（２）し尿の中間処理、残渣の処分、施設建</t>
    <phoneticPr fontId="5"/>
  </si>
  <si>
    <t xml:space="preserve">      設の計画・施工</t>
    <phoneticPr fontId="5"/>
  </si>
  <si>
    <t>（昭和38年12月28日）</t>
    <phoneticPr fontId="5"/>
  </si>
  <si>
    <t>綾瀬市</t>
    <rPh sb="0" eb="3">
      <t>アヤセシ</t>
    </rPh>
    <phoneticPr fontId="5"/>
  </si>
  <si>
    <t>（３）老人福祉、室内温水ﾌﾟｰﾙ</t>
    <phoneticPr fontId="5"/>
  </si>
  <si>
    <t>（４）都市公園の設置・管理運営</t>
    <rPh sb="3" eb="5">
      <t>トシ</t>
    </rPh>
    <rPh sb="5" eb="7">
      <t>コウエン</t>
    </rPh>
    <rPh sb="8" eb="10">
      <t>セッチ</t>
    </rPh>
    <rPh sb="11" eb="13">
      <t>カンリ</t>
    </rPh>
    <rPh sb="13" eb="15">
      <t>ウンエイ</t>
    </rPh>
    <phoneticPr fontId="5"/>
  </si>
  <si>
    <t>〔14818〕</t>
    <phoneticPr fontId="5"/>
  </si>
  <si>
    <t>南足柄市</t>
    <rPh sb="0" eb="3">
      <t>ミナミアシガラ</t>
    </rPh>
    <rPh sb="3" eb="4">
      <t>シ</t>
    </rPh>
    <phoneticPr fontId="5"/>
  </si>
  <si>
    <t>（１）し尿の中間処理、残渣の処分、施設建</t>
    <phoneticPr fontId="5"/>
  </si>
  <si>
    <t>（２）休日急患診療所</t>
    <phoneticPr fontId="5"/>
  </si>
  <si>
    <t>足柄上衛生組合</t>
    <rPh sb="0" eb="2">
      <t>アシガラ</t>
    </rPh>
    <rPh sb="2" eb="3">
      <t>ウエ</t>
    </rPh>
    <rPh sb="3" eb="5">
      <t>エイセイ</t>
    </rPh>
    <rPh sb="5" eb="7">
      <t>クミアイ</t>
    </rPh>
    <phoneticPr fontId="5"/>
  </si>
  <si>
    <t>【南足柄市班目1547】</t>
    <rPh sb="1" eb="2">
      <t>ミナミ</t>
    </rPh>
    <rPh sb="2" eb="4">
      <t>アシガラシ</t>
    </rPh>
    <rPh sb="4" eb="5">
      <t>シ</t>
    </rPh>
    <rPh sb="5" eb="6">
      <t>ハン</t>
    </rPh>
    <rPh sb="6" eb="7">
      <t>メ</t>
    </rPh>
    <phoneticPr fontId="5"/>
  </si>
  <si>
    <t>（昭和39年9月17日）</t>
    <phoneticPr fontId="5"/>
  </si>
  <si>
    <t>〔14819〕</t>
    <phoneticPr fontId="5"/>
  </si>
  <si>
    <t>湯河原町真鶴町</t>
    <rPh sb="0" eb="4">
      <t>ユガワラマチ</t>
    </rPh>
    <rPh sb="4" eb="6">
      <t>マナヅル</t>
    </rPh>
    <rPh sb="6" eb="7">
      <t>マチ</t>
    </rPh>
    <phoneticPr fontId="5"/>
  </si>
  <si>
    <t xml:space="preserve">      ごみの中間処理、最終処分、施設建設</t>
    <phoneticPr fontId="5"/>
  </si>
  <si>
    <t>衛生組合</t>
    <rPh sb="0" eb="2">
      <t>エイセイ</t>
    </rPh>
    <rPh sb="2" eb="4">
      <t>クミアイ</t>
    </rPh>
    <phoneticPr fontId="5"/>
  </si>
  <si>
    <t xml:space="preserve">      の計画・施工、資源化</t>
    <phoneticPr fontId="5"/>
  </si>
  <si>
    <t>【湯河原町吉浜2021-95】</t>
    <rPh sb="1" eb="5">
      <t>ユガワラマチ</t>
    </rPh>
    <rPh sb="5" eb="7">
      <t>ヨシハマ</t>
    </rPh>
    <phoneticPr fontId="5"/>
  </si>
  <si>
    <t>（昭和52年2月1日）</t>
    <rPh sb="1" eb="3">
      <t>ショウワ</t>
    </rPh>
    <rPh sb="5" eb="6">
      <t>ネン</t>
    </rPh>
    <rPh sb="7" eb="8">
      <t>ガツ</t>
    </rPh>
    <rPh sb="9" eb="10">
      <t>ヒ</t>
    </rPh>
    <phoneticPr fontId="5"/>
  </si>
  <si>
    <t>〔14827〕</t>
    <phoneticPr fontId="5"/>
  </si>
  <si>
    <t>足柄東部清掃組合</t>
    <rPh sb="0" eb="2">
      <t>アシガラ</t>
    </rPh>
    <rPh sb="2" eb="4">
      <t>トウブ</t>
    </rPh>
    <rPh sb="4" eb="6">
      <t>セイソウ</t>
    </rPh>
    <rPh sb="6" eb="8">
      <t>クミアイ</t>
    </rPh>
    <phoneticPr fontId="5"/>
  </si>
  <si>
    <t xml:space="preserve">      の計画・施工、資源化、残渣処理</t>
    <phoneticPr fontId="5"/>
  </si>
  <si>
    <t>【大井町柳540】</t>
    <rPh sb="1" eb="4">
      <t>オオイマチ</t>
    </rPh>
    <rPh sb="4" eb="5">
      <t>アオヤナギ</t>
    </rPh>
    <phoneticPr fontId="5"/>
  </si>
  <si>
    <t>（昭和57年2月1日）</t>
    <rPh sb="1" eb="3">
      <t>ショウワ</t>
    </rPh>
    <rPh sb="5" eb="6">
      <t>ネン</t>
    </rPh>
    <rPh sb="7" eb="8">
      <t>ガツ</t>
    </rPh>
    <rPh sb="9" eb="10">
      <t>ヒ</t>
    </rPh>
    <phoneticPr fontId="5"/>
  </si>
  <si>
    <t>〔14829〕</t>
    <phoneticPr fontId="5"/>
  </si>
  <si>
    <t xml:space="preserve">       ごみの中間処理、資源化、残渣処理</t>
    <phoneticPr fontId="5"/>
  </si>
  <si>
    <t>足柄西部清掃組合</t>
    <rPh sb="0" eb="2">
      <t>アシガラ</t>
    </rPh>
    <rPh sb="2" eb="4">
      <t>セイブ</t>
    </rPh>
    <rPh sb="4" eb="6">
      <t>セイソウ</t>
    </rPh>
    <rPh sb="6" eb="8">
      <t>クミアイ</t>
    </rPh>
    <phoneticPr fontId="5"/>
  </si>
  <si>
    <t>【山北町山北3680】</t>
    <rPh sb="1" eb="4">
      <t>ヤマキタマチ</t>
    </rPh>
    <rPh sb="4" eb="5">
      <t>ヤマ</t>
    </rPh>
    <rPh sb="5" eb="6">
      <t>キタ</t>
    </rPh>
    <phoneticPr fontId="5"/>
  </si>
  <si>
    <t>（平成3年4月1日）</t>
    <rPh sb="1" eb="3">
      <t>ヘイセイ</t>
    </rPh>
    <rPh sb="4" eb="5">
      <t>ネン</t>
    </rPh>
    <rPh sb="6" eb="7">
      <t>ガツ</t>
    </rPh>
    <rPh sb="8" eb="9">
      <t>ヒ</t>
    </rPh>
    <phoneticPr fontId="5"/>
  </si>
  <si>
    <t>〔14837〕</t>
    <phoneticPr fontId="5"/>
  </si>
  <si>
    <t>厚木市</t>
    <rPh sb="0" eb="2">
      <t>アツギ</t>
    </rPh>
    <rPh sb="2" eb="3">
      <t>シ</t>
    </rPh>
    <phoneticPr fontId="5"/>
  </si>
  <si>
    <t xml:space="preserve">      ごみの一般廃棄物処理施設設置</t>
    <rPh sb="9" eb="14">
      <t>イッパンハイキブツ</t>
    </rPh>
    <rPh sb="14" eb="16">
      <t>ショリ</t>
    </rPh>
    <rPh sb="16" eb="18">
      <t>シセツ</t>
    </rPh>
    <rPh sb="18" eb="20">
      <t>セッチ</t>
    </rPh>
    <phoneticPr fontId="5"/>
  </si>
  <si>
    <t>厚木愛甲環境施設組合</t>
  </si>
  <si>
    <t>愛川町</t>
    <rPh sb="0" eb="2">
      <t>アイカワ</t>
    </rPh>
    <rPh sb="2" eb="3">
      <t>マチ</t>
    </rPh>
    <phoneticPr fontId="5"/>
  </si>
  <si>
    <t>【厚木市栄町1-16-15】</t>
    <rPh sb="1" eb="4">
      <t>アツギシ</t>
    </rPh>
    <rPh sb="4" eb="5">
      <t>サカエ</t>
    </rPh>
    <rPh sb="5" eb="6">
      <t>マチ</t>
    </rPh>
    <phoneticPr fontId="5"/>
  </si>
  <si>
    <t>（平成16年4月1日）</t>
  </si>
  <si>
    <t>〔14840〕</t>
    <phoneticPr fontId="5"/>
  </si>
  <si>
    <t>図Ⅱ－１　　一般廃棄物処理関係一部事務組合区域図</t>
    <phoneticPr fontId="14"/>
  </si>
  <si>
    <t>川崎市</t>
  </si>
  <si>
    <t>平塚市</t>
  </si>
  <si>
    <t>茅ヶ崎市</t>
  </si>
  <si>
    <t>鎌倉市</t>
  </si>
  <si>
    <t>大磯町</t>
    <phoneticPr fontId="14"/>
  </si>
  <si>
    <t>開成町</t>
  </si>
  <si>
    <t>逗子市</t>
  </si>
  <si>
    <t>二宮町</t>
  </si>
  <si>
    <t>小田原市</t>
  </si>
  <si>
    <t>葉山町</t>
  </si>
  <si>
    <t>秦野市伊勢原市環境衛生組合</t>
    <phoneticPr fontId="14"/>
  </si>
  <si>
    <t>横須賀市</t>
  </si>
  <si>
    <t>箱根町</t>
  </si>
  <si>
    <t>高座清掃施設組合</t>
    <phoneticPr fontId="14"/>
  </si>
  <si>
    <t>足柄上衛生組合</t>
    <phoneticPr fontId="14"/>
  </si>
  <si>
    <t>湯河原町真鶴町衛生組合</t>
    <phoneticPr fontId="14"/>
  </si>
  <si>
    <t>　 三</t>
  </si>
  <si>
    <t>真鶴町</t>
  </si>
  <si>
    <t>足柄東部清掃組合</t>
    <phoneticPr fontId="14"/>
  </si>
  <si>
    <t>　 浦</t>
  </si>
  <si>
    <t>　 市</t>
  </si>
  <si>
    <t>足柄西部清掃組合</t>
    <phoneticPr fontId="14"/>
  </si>
  <si>
    <t>厚木愛甲環境施設組合</t>
    <rPh sb="0" eb="2">
      <t>アツギ</t>
    </rPh>
    <rPh sb="2" eb="4">
      <t>アイコウ</t>
    </rPh>
    <rPh sb="4" eb="6">
      <t>カンキョウ</t>
    </rPh>
    <rPh sb="6" eb="8">
      <t>シセツ</t>
    </rPh>
    <phoneticPr fontId="14"/>
  </si>
  <si>
    <t xml:space="preserve">２  一 般 廃 棄 物 処 理 事 業 経 費 </t>
    <rPh sb="3" eb="12">
      <t>イッパンハイキブツ</t>
    </rPh>
    <rPh sb="13" eb="16">
      <t>ショリ</t>
    </rPh>
    <rPh sb="17" eb="20">
      <t>ジギョウ</t>
    </rPh>
    <rPh sb="21" eb="24">
      <t>ケイヒ</t>
    </rPh>
    <phoneticPr fontId="5"/>
  </si>
  <si>
    <t>表Ⅱ－３  一般廃棄物処理事業経費決算額総括表</t>
    <rPh sb="0" eb="1">
      <t>ヒョウ</t>
    </rPh>
    <rPh sb="6" eb="11">
      <t>イッパンハイキブツ</t>
    </rPh>
    <rPh sb="11" eb="13">
      <t>ショリ</t>
    </rPh>
    <rPh sb="13" eb="15">
      <t>ジギョウ</t>
    </rPh>
    <rPh sb="15" eb="17">
      <t>ケイヒ</t>
    </rPh>
    <rPh sb="17" eb="19">
      <t>ケッサン</t>
    </rPh>
    <rPh sb="19" eb="20">
      <t>ガク</t>
    </rPh>
    <rPh sb="20" eb="22">
      <t>ソウカツ</t>
    </rPh>
    <rPh sb="22" eb="23">
      <t>ヒョウ</t>
    </rPh>
    <phoneticPr fontId="5"/>
  </si>
  <si>
    <t>（ 単 位 ： 千 円 ／ 年）</t>
    <rPh sb="2" eb="5">
      <t>タンイ</t>
    </rPh>
    <rPh sb="8" eb="11">
      <t>センエン</t>
    </rPh>
    <rPh sb="14" eb="15">
      <t>ネン</t>
    </rPh>
    <phoneticPr fontId="5"/>
  </si>
  <si>
    <t>市    町    村   ・   一部事務組合名</t>
    <rPh sb="0" eb="11">
      <t>シチョウソン</t>
    </rPh>
    <rPh sb="18" eb="20">
      <t>イチブ</t>
    </rPh>
    <rPh sb="20" eb="22">
      <t>ジム</t>
    </rPh>
    <rPh sb="22" eb="24">
      <t>クミアイ</t>
    </rPh>
    <rPh sb="24" eb="25">
      <t>メイ</t>
    </rPh>
    <phoneticPr fontId="5"/>
  </si>
  <si>
    <t xml:space="preserve">一   般   会   計  総   決   算   額         </t>
    <rPh sb="0" eb="13">
      <t>イッパンカイケイ</t>
    </rPh>
    <rPh sb="15" eb="16">
      <t>ソウ</t>
    </rPh>
    <rPh sb="19" eb="24">
      <t>ケッサン</t>
    </rPh>
    <rPh sb="27" eb="28">
      <t>ガク</t>
    </rPh>
    <phoneticPr fontId="5"/>
  </si>
  <si>
    <t>一般廃棄物      処 理 事 業      経        費</t>
    <rPh sb="0" eb="1">
      <t>イチ</t>
    </rPh>
    <rPh sb="1" eb="2">
      <t>バン</t>
    </rPh>
    <rPh sb="2" eb="5">
      <t>ハイキブツ</t>
    </rPh>
    <rPh sb="11" eb="14">
      <t>ショリ</t>
    </rPh>
    <rPh sb="15" eb="18">
      <t>ジギョウ</t>
    </rPh>
    <rPh sb="24" eb="25">
      <t>キョウ</t>
    </rPh>
    <rPh sb="33" eb="34">
      <t>ヒ</t>
    </rPh>
    <phoneticPr fontId="5"/>
  </si>
  <si>
    <t>ごみ処理経費</t>
    <rPh sb="2" eb="3">
      <t>トコロ</t>
    </rPh>
    <rPh sb="3" eb="4">
      <t>リ</t>
    </rPh>
    <rPh sb="4" eb="6">
      <t>ケイヒ</t>
    </rPh>
    <phoneticPr fontId="5"/>
  </si>
  <si>
    <t>し尿処理経費</t>
    <rPh sb="1" eb="2">
      <t>ニョウ</t>
    </rPh>
    <phoneticPr fontId="5"/>
  </si>
  <si>
    <t>一部事務組合名</t>
    <rPh sb="0" eb="2">
      <t>イチブ</t>
    </rPh>
    <rPh sb="2" eb="4">
      <t>ジム</t>
    </rPh>
    <rPh sb="4" eb="6">
      <t>クミアイ</t>
    </rPh>
    <rPh sb="6" eb="7">
      <t>メイ</t>
    </rPh>
    <phoneticPr fontId="5"/>
  </si>
  <si>
    <t>比率</t>
    <rPh sb="0" eb="2">
      <t>ヒリツ</t>
    </rPh>
    <phoneticPr fontId="5"/>
  </si>
  <si>
    <t>建  設  ・</t>
    <rPh sb="0" eb="4">
      <t>ケンセツ</t>
    </rPh>
    <phoneticPr fontId="5"/>
  </si>
  <si>
    <t>処理及び</t>
    <rPh sb="0" eb="2">
      <t>ショリ</t>
    </rPh>
    <rPh sb="2" eb="3">
      <t>オヨ</t>
    </rPh>
    <phoneticPr fontId="5"/>
  </si>
  <si>
    <t>そ  の  他</t>
    <rPh sb="0" eb="7">
      <t>ソノタ</t>
    </rPh>
    <phoneticPr fontId="5"/>
  </si>
  <si>
    <t>総    額</t>
    <rPh sb="0" eb="6">
      <t>ソウガク</t>
    </rPh>
    <phoneticPr fontId="5"/>
  </si>
  <si>
    <t>(注） １.一般廃棄物処理事業経費には、起債償還額</t>
    <rPh sb="1" eb="2">
      <t>チュウ</t>
    </rPh>
    <rPh sb="6" eb="11">
      <t>イッパンハイキブツ</t>
    </rPh>
    <rPh sb="11" eb="13">
      <t>ショリ</t>
    </rPh>
    <rPh sb="13" eb="15">
      <t>ジギョウ</t>
    </rPh>
    <rPh sb="15" eb="17">
      <t>ケイヒ</t>
    </rPh>
    <rPh sb="20" eb="22">
      <t>キサイ</t>
    </rPh>
    <rPh sb="22" eb="24">
      <t>ショウカン</t>
    </rPh>
    <rPh sb="24" eb="25">
      <t>ガク</t>
    </rPh>
    <phoneticPr fontId="5"/>
  </si>
  <si>
    <t>(%)</t>
    <phoneticPr fontId="5"/>
  </si>
  <si>
    <t xml:space="preserve"> 改  良  費</t>
    <rPh sb="1" eb="5">
      <t>カイリョウ</t>
    </rPh>
    <rPh sb="7" eb="8">
      <t>ヒ</t>
    </rPh>
    <phoneticPr fontId="5"/>
  </si>
  <si>
    <t>率(%)</t>
    <rPh sb="0" eb="1">
      <t>リツ</t>
    </rPh>
    <phoneticPr fontId="5"/>
  </si>
  <si>
    <t>維持管理費</t>
    <rPh sb="0" eb="4">
      <t>イジカンリ</t>
    </rPh>
    <rPh sb="4" eb="5">
      <t>ヒ</t>
    </rPh>
    <phoneticPr fontId="5"/>
  </si>
  <si>
    <t>　　   を含まない。</t>
    <rPh sb="6" eb="7">
      <t>フク</t>
    </rPh>
    <phoneticPr fontId="5"/>
  </si>
  <si>
    <t xml:space="preserve">     ( 参 考 )</t>
    <rPh sb="7" eb="10">
      <t>サンコウ</t>
    </rPh>
    <phoneticPr fontId="5"/>
  </si>
  <si>
    <t xml:space="preserve">            市町村の組合分担金集計表       （千円)</t>
    <rPh sb="12" eb="15">
      <t>シチョウソン</t>
    </rPh>
    <rPh sb="16" eb="18">
      <t>クミアイ</t>
    </rPh>
    <rPh sb="18" eb="21">
      <t>ブンタンキン</t>
    </rPh>
    <rPh sb="21" eb="24">
      <t>シュウケイヒョウ</t>
    </rPh>
    <rPh sb="32" eb="34">
      <t>センエン</t>
    </rPh>
    <phoneticPr fontId="5"/>
  </si>
  <si>
    <t>項  目</t>
    <rPh sb="0" eb="4">
      <t>コウモク</t>
    </rPh>
    <phoneticPr fontId="5"/>
  </si>
  <si>
    <t>ごみ</t>
    <phoneticPr fontId="5"/>
  </si>
  <si>
    <t>し尿</t>
    <rPh sb="1" eb="2">
      <t>ニョウ</t>
    </rPh>
    <phoneticPr fontId="5"/>
  </si>
  <si>
    <t>建設・</t>
    <rPh sb="0" eb="2">
      <t>ケンセツ</t>
    </rPh>
    <phoneticPr fontId="5"/>
  </si>
  <si>
    <t>改良費</t>
    <rPh sb="0" eb="2">
      <t>カイリョウ</t>
    </rPh>
    <rPh sb="2" eb="3">
      <t>ヒ</t>
    </rPh>
    <phoneticPr fontId="5"/>
  </si>
  <si>
    <t>維持管理費</t>
    <rPh sb="0" eb="2">
      <t>イジ</t>
    </rPh>
    <rPh sb="2" eb="5">
      <t>カンリヒ</t>
    </rPh>
    <phoneticPr fontId="5"/>
  </si>
  <si>
    <t>総額</t>
    <rPh sb="0" eb="2">
      <t>ソウガク</t>
    </rPh>
    <phoneticPr fontId="5"/>
  </si>
  <si>
    <t>２.</t>
    <phoneticPr fontId="5"/>
  </si>
  <si>
    <t>　建設・改良費とは、一般廃棄物処理施設の整備に係る経費（災害復旧費、工事雑費、事務費、調査費を含む）をいう。</t>
    <phoneticPr fontId="5"/>
  </si>
  <si>
    <t>３.</t>
    <phoneticPr fontId="5"/>
  </si>
  <si>
    <t>　処理及び維持管理費とは、通常の処理に係わる人件費（本庁を含む）、 燃料費、 光熱費、 薬品費、修繕費等維持運営費及び車両等購入費、収集・運搬、中間処理、最終処分、 検査等の委託費等をいう。</t>
    <phoneticPr fontId="5"/>
  </si>
  <si>
    <t>市部小計</t>
    <rPh sb="0" eb="1">
      <t>シ</t>
    </rPh>
    <rPh sb="1" eb="2">
      <t>ブ</t>
    </rPh>
    <rPh sb="2" eb="4">
      <t>ショウケイ</t>
    </rPh>
    <phoneticPr fontId="5"/>
  </si>
  <si>
    <t>４.</t>
    <phoneticPr fontId="5"/>
  </si>
  <si>
    <t>　一般廃棄物処理事業経費の比率とは、一般会計総決算額に占める割合である。</t>
    <phoneticPr fontId="5"/>
  </si>
  <si>
    <t>郡部小計</t>
    <rPh sb="0" eb="1">
      <t>グン</t>
    </rPh>
    <rPh sb="1" eb="2">
      <t>ブ</t>
    </rPh>
    <rPh sb="2" eb="4">
      <t>ショウケイ</t>
    </rPh>
    <phoneticPr fontId="5"/>
  </si>
  <si>
    <t>市町村計</t>
    <rPh sb="0" eb="3">
      <t>シチョウソン</t>
    </rPh>
    <rPh sb="3" eb="4">
      <t>ケイ</t>
    </rPh>
    <phoneticPr fontId="5"/>
  </si>
  <si>
    <t>秦野市伊勢原市      環 境 衛 生 組 合</t>
    <rPh sb="0" eb="3">
      <t>ハタノシ</t>
    </rPh>
    <rPh sb="3" eb="6">
      <t>イセハラシ</t>
    </rPh>
    <rPh sb="6" eb="7">
      <t>シ</t>
    </rPh>
    <rPh sb="13" eb="16">
      <t>カンキョウ</t>
    </rPh>
    <rPh sb="17" eb="20">
      <t>エイセイ</t>
    </rPh>
    <rPh sb="21" eb="24">
      <t>クミアイ</t>
    </rPh>
    <phoneticPr fontId="5"/>
  </si>
  <si>
    <t>高 座 清 掃 
施 設 組 合</t>
    <rPh sb="0" eb="1">
      <t>タカ</t>
    </rPh>
    <rPh sb="2" eb="3">
      <t>ザ</t>
    </rPh>
    <rPh sb="4" eb="7">
      <t>セイソウ</t>
    </rPh>
    <rPh sb="9" eb="12">
      <t>シセツ</t>
    </rPh>
    <rPh sb="13" eb="16">
      <t>クミアイ</t>
    </rPh>
    <phoneticPr fontId="5"/>
  </si>
  <si>
    <t>湯河原町真鶴町      衛   生   組   合</t>
    <rPh sb="0" eb="4">
      <t>ユガワラマチ</t>
    </rPh>
    <rPh sb="4" eb="6">
      <t>マナヅル</t>
    </rPh>
    <rPh sb="6" eb="7">
      <t>マチ</t>
    </rPh>
    <rPh sb="13" eb="18">
      <t>エイセイ</t>
    </rPh>
    <rPh sb="21" eb="26">
      <t>クミアイ</t>
    </rPh>
    <phoneticPr fontId="5"/>
  </si>
  <si>
    <t>厚木愛甲環境
施設組合</t>
    <rPh sb="0" eb="2">
      <t>アツギ</t>
    </rPh>
    <rPh sb="2" eb="4">
      <t>アイコウ</t>
    </rPh>
    <rPh sb="4" eb="6">
      <t>カンキョウ</t>
    </rPh>
    <rPh sb="7" eb="9">
      <t>シセツ</t>
    </rPh>
    <rPh sb="9" eb="11">
      <t>クミアイ</t>
    </rPh>
    <phoneticPr fontId="5"/>
  </si>
  <si>
    <t>一部事務組合小計</t>
    <rPh sb="0" eb="1">
      <t>イチ</t>
    </rPh>
    <rPh sb="1" eb="2">
      <t>ブ</t>
    </rPh>
    <rPh sb="2" eb="4">
      <t>ジム</t>
    </rPh>
    <rPh sb="4" eb="5">
      <t>クミ</t>
    </rPh>
    <rPh sb="5" eb="6">
      <t>ゴウ</t>
    </rPh>
    <rPh sb="6" eb="8">
      <t>コバカリ</t>
    </rPh>
    <phoneticPr fontId="5"/>
  </si>
  <si>
    <t>市町村+組合　ａ</t>
    <rPh sb="0" eb="3">
      <t>シチョウソン</t>
    </rPh>
    <rPh sb="4" eb="6">
      <t>クミアイ</t>
    </rPh>
    <phoneticPr fontId="5"/>
  </si>
  <si>
    <t>うち、組合分担金　ｂ</t>
    <rPh sb="3" eb="5">
      <t>クミアイ</t>
    </rPh>
    <rPh sb="5" eb="7">
      <t>ブンタン</t>
    </rPh>
    <rPh sb="7" eb="8">
      <t>キン</t>
    </rPh>
    <phoneticPr fontId="5"/>
  </si>
  <si>
    <t>県合計　(ａ-ｂ)</t>
    <rPh sb="0" eb="1">
      <t>ケン</t>
    </rPh>
    <rPh sb="1" eb="3">
      <t>ゴウケイ</t>
    </rPh>
    <phoneticPr fontId="5"/>
  </si>
  <si>
    <t xml:space="preserve">表Ⅱ－４  ごみ処理における建設・改良費、処理及び維持管理費決算額内訳一覧表 </t>
    <rPh sb="0" eb="1">
      <t>ヒョウ</t>
    </rPh>
    <rPh sb="6" eb="10">
      <t>ゴミショリ</t>
    </rPh>
    <rPh sb="14" eb="16">
      <t>ケンセツ</t>
    </rPh>
    <rPh sb="17" eb="19">
      <t>カイリョウ</t>
    </rPh>
    <rPh sb="19" eb="20">
      <t>ヒ</t>
    </rPh>
    <rPh sb="21" eb="23">
      <t>ショリ</t>
    </rPh>
    <rPh sb="23" eb="24">
      <t>オヨ</t>
    </rPh>
    <rPh sb="25" eb="29">
      <t>イジカンリ</t>
    </rPh>
    <rPh sb="29" eb="30">
      <t>ヒ</t>
    </rPh>
    <rPh sb="30" eb="32">
      <t>ケッサン</t>
    </rPh>
    <rPh sb="32" eb="33">
      <t>ガク</t>
    </rPh>
    <rPh sb="33" eb="35">
      <t>ウチワケ</t>
    </rPh>
    <rPh sb="35" eb="38">
      <t>イチランヒョウ</t>
    </rPh>
    <phoneticPr fontId="5"/>
  </si>
  <si>
    <t xml:space="preserve">  ( 単位 ： 千円 / 年 ）</t>
  </si>
  <si>
    <t>市     町     村   ・   一部事務組合名</t>
    <rPh sb="0" eb="13">
      <t>シチョウソン</t>
    </rPh>
    <phoneticPr fontId="5"/>
  </si>
  <si>
    <t>建設・改良費</t>
    <rPh sb="0" eb="2">
      <t>ケンセツ</t>
    </rPh>
    <rPh sb="3" eb="5">
      <t>カイリョウ</t>
    </rPh>
    <rPh sb="5" eb="6">
      <t>ヒ</t>
    </rPh>
    <phoneticPr fontId="5"/>
  </si>
  <si>
    <t>処理及び維持管理経費</t>
    <rPh sb="0" eb="2">
      <t>ショリ</t>
    </rPh>
    <rPh sb="2" eb="3">
      <t>オヨ</t>
    </rPh>
    <rPh sb="4" eb="8">
      <t>イジカンリ</t>
    </rPh>
    <rPh sb="8" eb="10">
      <t>ケイヒ</t>
    </rPh>
    <phoneticPr fontId="5"/>
  </si>
  <si>
    <t>そ の 他
③</t>
    <rPh sb="0" eb="5">
      <t>ソノタ</t>
    </rPh>
    <phoneticPr fontId="5"/>
  </si>
  <si>
    <t>総        額
①+②+③</t>
    <rPh sb="0" eb="10">
      <t>ソウガク</t>
    </rPh>
    <phoneticPr fontId="5"/>
  </si>
  <si>
    <t>工            事            費</t>
    <rPh sb="0" eb="27">
      <t>コウジヒ</t>
    </rPh>
    <phoneticPr fontId="5"/>
  </si>
  <si>
    <t>調  査  費</t>
    <rPh sb="0" eb="7">
      <t>チョウサヒ</t>
    </rPh>
    <phoneticPr fontId="5"/>
  </si>
  <si>
    <t>小計
①</t>
    <rPh sb="0" eb="2">
      <t>コバカリ</t>
    </rPh>
    <phoneticPr fontId="5"/>
  </si>
  <si>
    <t>組合分担金</t>
    <rPh sb="0" eb="2">
      <t>クミアイ</t>
    </rPh>
    <rPh sb="2" eb="5">
      <t>ブンタンキン</t>
    </rPh>
    <phoneticPr fontId="5"/>
  </si>
  <si>
    <t>人  件  費</t>
    <rPh sb="0" eb="7">
      <t>ジンケンヒ</t>
    </rPh>
    <phoneticPr fontId="5"/>
  </si>
  <si>
    <t>処            理            費</t>
    <rPh sb="0" eb="14">
      <t>ショリ</t>
    </rPh>
    <rPh sb="26" eb="27">
      <t>ヒ</t>
    </rPh>
    <phoneticPr fontId="5"/>
  </si>
  <si>
    <t>車  両  等</t>
    <rPh sb="0" eb="4">
      <t>シャリョウ</t>
    </rPh>
    <rPh sb="6" eb="7">
      <t>トウ</t>
    </rPh>
    <phoneticPr fontId="5"/>
  </si>
  <si>
    <t>委  託  費</t>
    <rPh sb="0" eb="4">
      <t>イタクリョウ</t>
    </rPh>
    <rPh sb="6" eb="7">
      <t>ヒヨウ</t>
    </rPh>
    <phoneticPr fontId="5"/>
  </si>
  <si>
    <t>調査研究費</t>
    <rPh sb="0" eb="2">
      <t>チョウサ</t>
    </rPh>
    <rPh sb="2" eb="5">
      <t>ケンキュウヒ</t>
    </rPh>
    <phoneticPr fontId="5"/>
  </si>
  <si>
    <t>小計
②</t>
    <rPh sb="0" eb="2">
      <t>コバカリ</t>
    </rPh>
    <phoneticPr fontId="5"/>
  </si>
  <si>
    <t>歳出入力表</t>
    <rPh sb="0" eb="2">
      <t>サイシュツ</t>
    </rPh>
    <rPh sb="2" eb="4">
      <t>ニュウリョク</t>
    </rPh>
    <rPh sb="4" eb="5">
      <t>ヒョウ</t>
    </rPh>
    <phoneticPr fontId="5"/>
  </si>
  <si>
    <t>収集運搬施設</t>
    <rPh sb="0" eb="2">
      <t>シュウシュウ</t>
    </rPh>
    <rPh sb="2" eb="4">
      <t>ウンパン</t>
    </rPh>
    <rPh sb="4" eb="6">
      <t>シセツ</t>
    </rPh>
    <phoneticPr fontId="5"/>
  </si>
  <si>
    <t>中間処理施設</t>
  </si>
  <si>
    <t>最終処分場</t>
  </si>
  <si>
    <t>そ　の　他</t>
    <rPh sb="4" eb="5">
      <t>タ</t>
    </rPh>
    <phoneticPr fontId="5"/>
  </si>
  <si>
    <t>収集・運搬費</t>
    <rPh sb="0" eb="2">
      <t>シュウシュウ</t>
    </rPh>
    <rPh sb="3" eb="5">
      <t>ウンパン</t>
    </rPh>
    <rPh sb="5" eb="6">
      <t>ヒ</t>
    </rPh>
    <phoneticPr fontId="5"/>
  </si>
  <si>
    <t>中間処理費</t>
    <rPh sb="0" eb="2">
      <t>チュウカン</t>
    </rPh>
    <rPh sb="2" eb="4">
      <t>ショリ</t>
    </rPh>
    <rPh sb="4" eb="5">
      <t>ヒ</t>
    </rPh>
    <phoneticPr fontId="5"/>
  </si>
  <si>
    <t>最終処分費</t>
    <rPh sb="0" eb="2">
      <t>サイシュウ</t>
    </rPh>
    <rPh sb="2" eb="4">
      <t>ショブンジョウ</t>
    </rPh>
    <rPh sb="4" eb="5">
      <t>ヒ</t>
    </rPh>
    <phoneticPr fontId="5"/>
  </si>
  <si>
    <t>購  入  費</t>
    <rPh sb="0" eb="7">
      <t>コウニュウヒ</t>
    </rPh>
    <phoneticPr fontId="5"/>
  </si>
  <si>
    <t>市   部   小   計</t>
    <rPh sb="0" eb="5">
      <t>シブ</t>
    </rPh>
    <rPh sb="8" eb="13">
      <t>ショウケイ</t>
    </rPh>
    <phoneticPr fontId="5"/>
  </si>
  <si>
    <t>郡   部   小   計</t>
    <rPh sb="0" eb="1">
      <t>グン</t>
    </rPh>
    <rPh sb="4" eb="5">
      <t>ブ</t>
    </rPh>
    <rPh sb="8" eb="13">
      <t>ショウケイ</t>
    </rPh>
    <phoneticPr fontId="5"/>
  </si>
  <si>
    <t>市   町   村   計</t>
    <rPh sb="0" eb="1">
      <t>シ</t>
    </rPh>
    <rPh sb="4" eb="5">
      <t>マチ</t>
    </rPh>
    <rPh sb="8" eb="9">
      <t>ムラ</t>
    </rPh>
    <rPh sb="12" eb="13">
      <t>ケイ</t>
    </rPh>
    <phoneticPr fontId="5"/>
  </si>
  <si>
    <t>秦野市 伊勢原市      環 境 衛 生 組 合</t>
    <rPh sb="0" eb="3">
      <t>ハタノシ</t>
    </rPh>
    <rPh sb="4" eb="7">
      <t>イセハラシ</t>
    </rPh>
    <rPh sb="7" eb="8">
      <t>シ</t>
    </rPh>
    <rPh sb="14" eb="17">
      <t>カンキョウ</t>
    </rPh>
    <rPh sb="18" eb="21">
      <t>エイセイ</t>
    </rPh>
    <rPh sb="22" eb="25">
      <t>クミアイ</t>
    </rPh>
    <phoneticPr fontId="5"/>
  </si>
  <si>
    <t>一部事務組合小計</t>
    <rPh sb="0" eb="2">
      <t>イチブ</t>
    </rPh>
    <rPh sb="2" eb="4">
      <t>ジム</t>
    </rPh>
    <rPh sb="4" eb="6">
      <t>クミアイ</t>
    </rPh>
    <rPh sb="6" eb="8">
      <t>ショウケイ</t>
    </rPh>
    <phoneticPr fontId="5"/>
  </si>
  <si>
    <t>県合計</t>
    <rPh sb="0" eb="1">
      <t>ケン</t>
    </rPh>
    <rPh sb="1" eb="3">
      <t>ゴウケイ</t>
    </rPh>
    <phoneticPr fontId="5"/>
  </si>
  <si>
    <t xml:space="preserve">表Ⅱ－５  し尿処理における建設・改良費、処理及び維持管理費決算額内訳一覧表 </t>
    <rPh sb="0" eb="1">
      <t>ヒョウ</t>
    </rPh>
    <rPh sb="6" eb="8">
      <t>シニョウ</t>
    </rPh>
    <rPh sb="8" eb="10">
      <t>ゴミショリ</t>
    </rPh>
    <rPh sb="14" eb="16">
      <t>ケンセツ</t>
    </rPh>
    <rPh sb="17" eb="19">
      <t>カイリョウ</t>
    </rPh>
    <rPh sb="19" eb="20">
      <t>ヒ</t>
    </rPh>
    <rPh sb="21" eb="23">
      <t>ショリ</t>
    </rPh>
    <rPh sb="23" eb="24">
      <t>オヨ</t>
    </rPh>
    <rPh sb="25" eb="29">
      <t>イジカンリ</t>
    </rPh>
    <rPh sb="29" eb="30">
      <t>ヒ</t>
    </rPh>
    <rPh sb="30" eb="32">
      <t>ケッサン</t>
    </rPh>
    <rPh sb="32" eb="33">
      <t>ガク</t>
    </rPh>
    <rPh sb="33" eb="35">
      <t>ウチワケ</t>
    </rPh>
    <rPh sb="35" eb="38">
      <t>イチランヒョウ</t>
    </rPh>
    <phoneticPr fontId="5"/>
  </si>
  <si>
    <t xml:space="preserve">  ( 単位 ： 千円 / 年 ）</t>
    <phoneticPr fontId="5"/>
  </si>
  <si>
    <t>小計
②</t>
    <rPh sb="0" eb="2">
      <t>ショウケイ</t>
    </rPh>
    <phoneticPr fontId="5"/>
  </si>
  <si>
    <t>秦野市伊勢原市
環境衛生組合</t>
    <rPh sb="0" eb="3">
      <t>ハタノシ</t>
    </rPh>
    <rPh sb="3" eb="6">
      <t>イセハラシ</t>
    </rPh>
    <rPh sb="6" eb="7">
      <t>シ</t>
    </rPh>
    <rPh sb="8" eb="9">
      <t>ワ</t>
    </rPh>
    <rPh sb="9" eb="10">
      <t>サカイ</t>
    </rPh>
    <rPh sb="10" eb="11">
      <t>マモル</t>
    </rPh>
    <rPh sb="11" eb="12">
      <t>ショウ</t>
    </rPh>
    <rPh sb="12" eb="14">
      <t>クミアイ</t>
    </rPh>
    <phoneticPr fontId="5"/>
  </si>
  <si>
    <t>表Ⅱ－６  処理及び維持管理費総括表</t>
    <rPh sb="0" eb="1">
      <t>ヒョウ</t>
    </rPh>
    <rPh sb="6" eb="8">
      <t>ショリ</t>
    </rPh>
    <rPh sb="8" eb="9">
      <t>オヨ</t>
    </rPh>
    <rPh sb="10" eb="14">
      <t>イジカンリ</t>
    </rPh>
    <rPh sb="14" eb="15">
      <t>ヒ</t>
    </rPh>
    <rPh sb="15" eb="17">
      <t>ソウカツ</t>
    </rPh>
    <rPh sb="17" eb="18">
      <t>ヒョウ</t>
    </rPh>
    <phoneticPr fontId="5"/>
  </si>
  <si>
    <t>市       町       村     ・   一部事務組合名</t>
    <rPh sb="0" eb="17">
      <t>シチョウソン</t>
    </rPh>
    <phoneticPr fontId="5"/>
  </si>
  <si>
    <t>ごみ</t>
    <phoneticPr fontId="5"/>
  </si>
  <si>
    <t>総     額</t>
    <rPh sb="0" eb="7">
      <t>ソウガク</t>
    </rPh>
    <phoneticPr fontId="5"/>
  </si>
  <si>
    <t>内                        訳       (千円)</t>
    <rPh sb="0" eb="26">
      <t>ウチワケ</t>
    </rPh>
    <rPh sb="34" eb="36">
      <t>センエン</t>
    </rPh>
    <phoneticPr fontId="5"/>
  </si>
  <si>
    <t>単位当たり</t>
    <rPh sb="0" eb="2">
      <t>タンイ</t>
    </rPh>
    <rPh sb="2" eb="3">
      <t>ア</t>
    </rPh>
    <phoneticPr fontId="5"/>
  </si>
  <si>
    <t>経費  (円)</t>
    <rPh sb="0" eb="2">
      <t>ケイヒ</t>
    </rPh>
    <rPh sb="5" eb="6">
      <t>エン</t>
    </rPh>
    <phoneticPr fontId="5"/>
  </si>
  <si>
    <t>（千円)</t>
    <rPh sb="1" eb="3">
      <t>センエン</t>
    </rPh>
    <phoneticPr fontId="5"/>
  </si>
  <si>
    <t>収集運搬費</t>
    <rPh sb="0" eb="2">
      <t>シュウシュウ</t>
    </rPh>
    <rPh sb="2" eb="4">
      <t>ウンパン</t>
    </rPh>
    <rPh sb="4" eb="5">
      <t>ヒ</t>
    </rPh>
    <phoneticPr fontId="5"/>
  </si>
  <si>
    <t>比率
（％）</t>
    <rPh sb="0" eb="2">
      <t>ヒリツ</t>
    </rPh>
    <phoneticPr fontId="5"/>
  </si>
  <si>
    <t>最終処分費</t>
    <rPh sb="0" eb="4">
      <t>サイシュウショブン</t>
    </rPh>
    <rPh sb="4" eb="5">
      <t>ヒ</t>
    </rPh>
    <phoneticPr fontId="5"/>
  </si>
  <si>
    <t>比率
（％）</t>
    <phoneticPr fontId="5"/>
  </si>
  <si>
    <t>①
１ｔ 当たり</t>
    <rPh sb="5" eb="6">
      <t>ア</t>
    </rPh>
    <phoneticPr fontId="5"/>
  </si>
  <si>
    <r>
      <t xml:space="preserve">② 
</t>
    </r>
    <r>
      <rPr>
        <sz val="8"/>
        <rFont val="ＭＳ Ｐ明朝"/>
        <family val="1"/>
        <charset val="128"/>
      </rPr>
      <t xml:space="preserve"> </t>
    </r>
    <r>
      <rPr>
        <sz val="9"/>
        <rFont val="ＭＳ Ｐ明朝"/>
        <family val="1"/>
        <charset val="128"/>
      </rPr>
      <t>1人当たり</t>
    </r>
    <rPh sb="4" eb="6">
      <t>１ニン</t>
    </rPh>
    <rPh sb="6" eb="7">
      <t>ア</t>
    </rPh>
    <phoneticPr fontId="5"/>
  </si>
  <si>
    <t>③
１kl 当たり</t>
    <rPh sb="6" eb="7">
      <t>ア</t>
    </rPh>
    <phoneticPr fontId="5"/>
  </si>
  <si>
    <t>④ 
 1人当たり</t>
    <rPh sb="4" eb="6">
      <t>１ニン</t>
    </rPh>
    <rPh sb="6" eb="7">
      <t>ア</t>
    </rPh>
    <phoneticPr fontId="5"/>
  </si>
  <si>
    <t>L、W列</t>
    <rPh sb="3" eb="4">
      <t>レツ</t>
    </rPh>
    <phoneticPr fontId="5"/>
  </si>
  <si>
    <t>処理状況</t>
    <rPh sb="0" eb="2">
      <t>ショリ</t>
    </rPh>
    <rPh sb="2" eb="4">
      <t>ジョウキョウ</t>
    </rPh>
    <phoneticPr fontId="5"/>
  </si>
  <si>
    <t>K列</t>
    <rPh sb="1" eb="2">
      <t>レツ</t>
    </rPh>
    <phoneticPr fontId="5"/>
  </si>
  <si>
    <t>V列</t>
    <rPh sb="1" eb="2">
      <t>レツ</t>
    </rPh>
    <phoneticPr fontId="5"/>
  </si>
  <si>
    <t>秦野市 伊勢原市
環 境 衛 生 組 合</t>
    <rPh sb="0" eb="3">
      <t>ハタノシ</t>
    </rPh>
    <rPh sb="4" eb="7">
      <t>イセハラシ</t>
    </rPh>
    <rPh sb="7" eb="8">
      <t>シ</t>
    </rPh>
    <rPh sb="9" eb="12">
      <t>カンキョウ</t>
    </rPh>
    <rPh sb="13" eb="16">
      <t>エイセイ</t>
    </rPh>
    <rPh sb="17" eb="20">
      <t>クミアイ</t>
    </rPh>
    <phoneticPr fontId="5"/>
  </si>
  <si>
    <t>-</t>
    <phoneticPr fontId="5"/>
  </si>
  <si>
    <t>-</t>
    <phoneticPr fontId="5"/>
  </si>
  <si>
    <t>湯河原町真鶴町
衛   生   組   合</t>
    <rPh sb="0" eb="4">
      <t>ユガワラマチ</t>
    </rPh>
    <rPh sb="4" eb="6">
      <t>マナヅル</t>
    </rPh>
    <rPh sb="6" eb="7">
      <t>マチ</t>
    </rPh>
    <rPh sb="8" eb="13">
      <t>エイセイ</t>
    </rPh>
    <rPh sb="16" eb="21">
      <t>クミアイ</t>
    </rPh>
    <phoneticPr fontId="5"/>
  </si>
  <si>
    <t>-</t>
    <phoneticPr fontId="5"/>
  </si>
  <si>
    <t>－</t>
    <phoneticPr fontId="5"/>
  </si>
  <si>
    <t>市町村+組合 ａ</t>
    <rPh sb="0" eb="3">
      <t>シチョウソン</t>
    </rPh>
    <rPh sb="4" eb="6">
      <t>クミアイ</t>
    </rPh>
    <phoneticPr fontId="5"/>
  </si>
  <si>
    <t>組合分担金 ｂ</t>
    <rPh sb="0" eb="2">
      <t>クミアイ</t>
    </rPh>
    <rPh sb="2" eb="5">
      <t>ブンタンキン</t>
    </rPh>
    <phoneticPr fontId="5"/>
  </si>
  <si>
    <t xml:space="preserve">   (注)    １.①＝処理及び維持管理費／計画収集総量、 ②＝処理及び維持管理費／人口、③＝処理及び維持管理費／計画収集量、</t>
    <rPh sb="4" eb="5">
      <t>チュウ</t>
    </rPh>
    <rPh sb="14" eb="16">
      <t>ショリ</t>
    </rPh>
    <rPh sb="16" eb="17">
      <t>オヨ</t>
    </rPh>
    <rPh sb="18" eb="22">
      <t>イジカンリ</t>
    </rPh>
    <rPh sb="22" eb="23">
      <t>ヒ</t>
    </rPh>
    <rPh sb="24" eb="26">
      <t>ケイカク</t>
    </rPh>
    <rPh sb="26" eb="28">
      <t>シュウシュウ</t>
    </rPh>
    <rPh sb="28" eb="30">
      <t>ソウリョウ</t>
    </rPh>
    <rPh sb="34" eb="36">
      <t>ショリ</t>
    </rPh>
    <rPh sb="36" eb="37">
      <t>オヨ</t>
    </rPh>
    <rPh sb="38" eb="42">
      <t>イジカンリ</t>
    </rPh>
    <rPh sb="42" eb="43">
      <t>ヒ</t>
    </rPh>
    <rPh sb="44" eb="46">
      <t>ジンコウ</t>
    </rPh>
    <phoneticPr fontId="5"/>
  </si>
  <si>
    <t>④＝処理及び維持管理費／（計画収集人口＋浄化槽人口）、県合計は、市町村の組合分担金を除いた額である。</t>
    <phoneticPr fontId="5"/>
  </si>
  <si>
    <t>-</t>
  </si>
  <si>
    <t>14208</t>
    <phoneticPr fontId="5"/>
  </si>
  <si>
    <t>５.</t>
    <phoneticPr fontId="5"/>
  </si>
  <si>
    <t>　一般廃棄物処理事業経費は、ごみ処理に係った経費総額を計上しており、他市町村から処理を受け入れている場合等には、それらに係る経費を含む金額である。</t>
    <rPh sb="1" eb="3">
      <t>イッパン</t>
    </rPh>
    <rPh sb="3" eb="5">
      <t>ハイキ</t>
    </rPh>
    <rPh sb="5" eb="6">
      <t>ブツ</t>
    </rPh>
    <rPh sb="6" eb="8">
      <t>ショリ</t>
    </rPh>
    <rPh sb="8" eb="10">
      <t>ジギョウ</t>
    </rPh>
    <rPh sb="10" eb="12">
      <t>ケイヒ</t>
    </rPh>
    <rPh sb="16" eb="18">
      <t>ショリ</t>
    </rPh>
    <rPh sb="19" eb="20">
      <t>カカ</t>
    </rPh>
    <rPh sb="22" eb="24">
      <t>ケイヒ</t>
    </rPh>
    <rPh sb="24" eb="26">
      <t>ソウガク</t>
    </rPh>
    <rPh sb="27" eb="29">
      <t>ケイジョウ</t>
    </rPh>
    <rPh sb="34" eb="35">
      <t>タ</t>
    </rPh>
    <rPh sb="35" eb="38">
      <t>シチョウソン</t>
    </rPh>
    <rPh sb="40" eb="42">
      <t>ショリ</t>
    </rPh>
    <rPh sb="43" eb="44">
      <t>ウ</t>
    </rPh>
    <rPh sb="45" eb="46">
      <t>イ</t>
    </rPh>
    <rPh sb="50" eb="52">
      <t>バアイ</t>
    </rPh>
    <rPh sb="52" eb="53">
      <t>ナド</t>
    </rPh>
    <rPh sb="60" eb="61">
      <t>カカ</t>
    </rPh>
    <rPh sb="62" eb="64">
      <t>ケイヒ</t>
    </rPh>
    <rPh sb="65" eb="66">
      <t>フク</t>
    </rPh>
    <rPh sb="67" eb="69">
      <t>キンガク</t>
    </rPh>
    <phoneticPr fontId="5"/>
  </si>
  <si>
    <t xml:space="preserve">    　　　  ２.収集運搬費、中間処理費、最終処分費にはそれぞれの工程に係る人件費、車両等購入費、委託費、組合分担金（市町村のみ）、</t>
    <rPh sb="11" eb="13">
      <t>シュウシュウ</t>
    </rPh>
    <rPh sb="13" eb="16">
      <t>ウンパンヒ</t>
    </rPh>
    <rPh sb="17" eb="19">
      <t>チュウカン</t>
    </rPh>
    <rPh sb="19" eb="22">
      <t>ショリヒ</t>
    </rPh>
    <rPh sb="23" eb="25">
      <t>サイシュウ</t>
    </rPh>
    <rPh sb="25" eb="28">
      <t>ショブンヒ</t>
    </rPh>
    <rPh sb="35" eb="37">
      <t>コウテイ</t>
    </rPh>
    <rPh sb="38" eb="39">
      <t>カカ</t>
    </rPh>
    <rPh sb="40" eb="43">
      <t>ジンケンヒ</t>
    </rPh>
    <rPh sb="44" eb="46">
      <t>シャリョウ</t>
    </rPh>
    <rPh sb="46" eb="47">
      <t>トウ</t>
    </rPh>
    <rPh sb="47" eb="50">
      <t>コウニュウヒ</t>
    </rPh>
    <rPh sb="51" eb="54">
      <t>イタクヒ</t>
    </rPh>
    <rPh sb="55" eb="57">
      <t>クミアイ</t>
    </rPh>
    <rPh sb="57" eb="60">
      <t>ブンタンキン</t>
    </rPh>
    <rPh sb="61" eb="64">
      <t>シチョウソン</t>
    </rPh>
    <phoneticPr fontId="5"/>
  </si>
  <si>
    <t>調査研究費を含む。</t>
    <phoneticPr fontId="5"/>
  </si>
  <si>
    <r>
      <t xml:space="preserve">      </t>
    </r>
    <r>
      <rPr>
        <sz val="8"/>
        <color theme="0"/>
        <rFont val="ＭＳ 明朝"/>
        <family val="1"/>
        <charset val="128"/>
      </rPr>
      <t>３.</t>
    </r>
    <r>
      <rPr>
        <sz val="8"/>
        <rFont val="ＭＳ 明朝"/>
        <family val="1"/>
        <charset val="128"/>
      </rPr>
      <t>境界未定の区域があるため、面積は参考値を掲載した。</t>
    </r>
    <phoneticPr fontId="5"/>
  </si>
  <si>
    <t>　-</t>
  </si>
  <si>
    <t>　-</t>
    <phoneticPr fontId="5"/>
  </si>
  <si>
    <t>　 令和６年10月１日現在</t>
  </si>
  <si>
    <t>（注）１.人口には、逗子市の米軍住宅地の収集人口（3,000人）を含む。</t>
  </si>
  <si>
    <t xml:space="preserve">      ２.人口及び世帯数は、神奈川県人口統計調査結果（国勢調査結果に基づく推計値）による。</t>
  </si>
  <si>
    <t xml:space="preserve">      ３.面積は、国土地理院の「令和６年度全国都道府県市区町村別面積調」による。なお、平塚市、茅ヶ崎市及び大磯町の間には</t>
  </si>
  <si>
    <t>３   一 般 廃 棄 物 処 理 事 業 従 事 職 員</t>
    <rPh sb="4" eb="7">
      <t>イッパン</t>
    </rPh>
    <rPh sb="8" eb="13">
      <t>ハイキブツ</t>
    </rPh>
    <rPh sb="14" eb="17">
      <t>ショリ</t>
    </rPh>
    <rPh sb="18" eb="21">
      <t>ジギョウ</t>
    </rPh>
    <rPh sb="22" eb="25">
      <t>ジュウジ</t>
    </rPh>
    <rPh sb="26" eb="29">
      <t>ショクイン</t>
    </rPh>
    <phoneticPr fontId="5"/>
  </si>
  <si>
    <t>表Ⅱ－７   一般廃棄物処理事業従事職員数一覧表</t>
    <rPh sb="0" eb="1">
      <t>ヒョウ</t>
    </rPh>
    <rPh sb="7" eb="12">
      <t>イッパンハイキブツ</t>
    </rPh>
    <rPh sb="12" eb="14">
      <t>ショリ</t>
    </rPh>
    <rPh sb="14" eb="16">
      <t>ジギョウ</t>
    </rPh>
    <rPh sb="16" eb="18">
      <t>ジュウジ</t>
    </rPh>
    <rPh sb="18" eb="20">
      <t>ショクイン</t>
    </rPh>
    <rPh sb="20" eb="21">
      <t>スウ</t>
    </rPh>
    <rPh sb="21" eb="24">
      <t>イチランヒョウ</t>
    </rPh>
    <phoneticPr fontId="5"/>
  </si>
  <si>
    <t>（単位：人)</t>
    <rPh sb="1" eb="3">
      <t>タンイ</t>
    </rPh>
    <rPh sb="4" eb="5">
      <t>ニン</t>
    </rPh>
    <phoneticPr fontId="5"/>
  </si>
  <si>
    <t>市    町    村   ・ 
  一部事務組合名</t>
    <rPh sb="0" eb="11">
      <t>シチョウソン</t>
    </rPh>
    <rPh sb="19" eb="21">
      <t>イチブ</t>
    </rPh>
    <rPh sb="21" eb="23">
      <t>ジム</t>
    </rPh>
    <rPh sb="23" eb="25">
      <t>クミアイ</t>
    </rPh>
    <rPh sb="25" eb="26">
      <t>メイ</t>
    </rPh>
    <phoneticPr fontId="5"/>
  </si>
  <si>
    <t>し尿</t>
    <rPh sb="0" eb="2">
      <t>シニョウ</t>
    </rPh>
    <phoneticPr fontId="5"/>
  </si>
  <si>
    <t>一　　般　　職</t>
    <rPh sb="0" eb="1">
      <t>イッ</t>
    </rPh>
    <rPh sb="3" eb="4">
      <t>ハン</t>
    </rPh>
    <rPh sb="6" eb="7">
      <t>ショク</t>
    </rPh>
    <phoneticPr fontId="5"/>
  </si>
  <si>
    <t>技　　　　能　　　　職</t>
    <rPh sb="0" eb="1">
      <t>ワザ</t>
    </rPh>
    <rPh sb="5" eb="6">
      <t>ノウ</t>
    </rPh>
    <rPh sb="10" eb="11">
      <t>ショク</t>
    </rPh>
    <phoneticPr fontId="5"/>
  </si>
  <si>
    <t>事 務 系</t>
    <rPh sb="0" eb="5">
      <t>ジムケイ</t>
    </rPh>
    <phoneticPr fontId="5"/>
  </si>
  <si>
    <t>技 術 系</t>
    <rPh sb="0" eb="5">
      <t>ギジュツケイ</t>
    </rPh>
    <phoneticPr fontId="5"/>
  </si>
  <si>
    <t>収  集 ・</t>
    <rPh sb="0" eb="4">
      <t>シュウシュウ</t>
    </rPh>
    <phoneticPr fontId="5"/>
  </si>
  <si>
    <t>中   間</t>
    <rPh sb="0" eb="5">
      <t>チュウカン</t>
    </rPh>
    <phoneticPr fontId="5"/>
  </si>
  <si>
    <t>最   終</t>
    <rPh sb="0" eb="5">
      <t>サイシュウ</t>
    </rPh>
    <phoneticPr fontId="5"/>
  </si>
  <si>
    <t>そ の 他</t>
    <rPh sb="0" eb="5">
      <t>ソノタ</t>
    </rPh>
    <phoneticPr fontId="5"/>
  </si>
  <si>
    <t>小   計</t>
    <rPh sb="0" eb="5">
      <t>ショウケイ</t>
    </rPh>
    <phoneticPr fontId="5"/>
  </si>
  <si>
    <t>合   計</t>
    <rPh sb="0" eb="5">
      <t>ゴウケイ</t>
    </rPh>
    <phoneticPr fontId="5"/>
  </si>
  <si>
    <t>運    搬</t>
    <rPh sb="0" eb="6">
      <t>ウンパン</t>
    </rPh>
    <phoneticPr fontId="5"/>
  </si>
  <si>
    <t>処   理</t>
    <rPh sb="0" eb="5">
      <t>ショリ</t>
    </rPh>
    <phoneticPr fontId="5"/>
  </si>
  <si>
    <t>処   分</t>
    <rPh sb="0" eb="5">
      <t>ショブン</t>
    </rPh>
    <phoneticPr fontId="5"/>
  </si>
  <si>
    <t>郡   部   小   計</t>
    <rPh sb="0" eb="1">
      <t>グン</t>
    </rPh>
    <rPh sb="4" eb="5">
      <t>ブ</t>
    </rPh>
    <rPh sb="8" eb="9">
      <t>ショウ</t>
    </rPh>
    <rPh sb="12" eb="13">
      <t>ケイ</t>
    </rPh>
    <phoneticPr fontId="5"/>
  </si>
  <si>
    <t>(注)   一般廃棄物処理関係業務の占める割合が、50％以上となる者については従事職員とした。</t>
    <rPh sb="1" eb="2">
      <t>チュウ</t>
    </rPh>
    <rPh sb="6" eb="8">
      <t>イッパン</t>
    </rPh>
    <rPh sb="8" eb="11">
      <t>ハイキブツ</t>
    </rPh>
    <rPh sb="11" eb="13">
      <t>ショリ</t>
    </rPh>
    <rPh sb="13" eb="15">
      <t>カンケイ</t>
    </rPh>
    <rPh sb="15" eb="17">
      <t>ギョウム</t>
    </rPh>
    <rPh sb="18" eb="19">
      <t>シ</t>
    </rPh>
    <rPh sb="21" eb="23">
      <t>ワリアイ</t>
    </rPh>
    <rPh sb="28" eb="30">
      <t>イジョウ</t>
    </rPh>
    <rPh sb="33" eb="34">
      <t>モノ</t>
    </rPh>
    <rPh sb="39" eb="41">
      <t>ジュウジ</t>
    </rPh>
    <rPh sb="41" eb="43">
      <t>ショクイン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9">
    <numFmt numFmtId="176" formatCode="#,##0;&quot;△ &quot;#,##0"/>
    <numFmt numFmtId="177" formatCode="#,##0.00;&quot;△ &quot;#,##0.00"/>
    <numFmt numFmtId="178" formatCode="#,##0_);\(#,##0\)"/>
    <numFmt numFmtId="179" formatCode="\(#,##0\)"/>
    <numFmt numFmtId="180" formatCode="#,##0_);[Red]\(#,##0\)"/>
    <numFmt numFmtId="181" formatCode="#,##0.00_);[Red]\(#,##0.00\)"/>
    <numFmt numFmtId="182" formatCode="0.0_);[Red]\(0.0\)"/>
    <numFmt numFmtId="183" formatCode="0.0_ "/>
    <numFmt numFmtId="184" formatCode="#,##0.0_);[Red]\(#,##0.0\)"/>
  </numFmts>
  <fonts count="27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4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ゴシック"/>
      <family val="3"/>
      <charset val="128"/>
    </font>
    <font>
      <sz val="10"/>
      <name val="ＭＳ Ｐ明朝"/>
      <family val="1"/>
      <charset val="128"/>
    </font>
    <font>
      <sz val="10"/>
      <name val="明朝"/>
      <family val="1"/>
      <charset val="128"/>
    </font>
    <font>
      <sz val="10"/>
      <name val="ＭＳ Ｐゴシック"/>
      <family val="3"/>
      <charset val="128"/>
    </font>
    <font>
      <sz val="16"/>
      <name val="ＭＳ Ｐゴシック"/>
      <family val="3"/>
      <charset val="128"/>
    </font>
    <font>
      <sz val="9"/>
      <name val="ＭＳ Ｐゴシック"/>
      <family val="3"/>
      <charset val="128"/>
    </font>
    <font>
      <sz val="15"/>
      <name val="ＭＳ Ｐ明朝"/>
      <family val="1"/>
      <charset val="128"/>
    </font>
    <font>
      <b/>
      <sz val="12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b/>
      <sz val="9"/>
      <name val="ＭＳ Ｐ明朝"/>
      <family val="1"/>
      <charset val="128"/>
    </font>
    <font>
      <sz val="11"/>
      <name val="明朝"/>
      <family val="1"/>
      <charset val="128"/>
    </font>
    <font>
      <sz val="8"/>
      <name val="ＭＳ 明朝"/>
      <family val="1"/>
      <charset val="128"/>
    </font>
    <font>
      <sz val="8"/>
      <color theme="0"/>
      <name val="ＭＳ 明朝"/>
      <family val="1"/>
      <charset val="128"/>
    </font>
    <font>
      <b/>
      <sz val="12"/>
      <name val="ＭＳ Ｐ明朝"/>
      <family val="1"/>
      <charset val="128"/>
    </font>
    <font>
      <b/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0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/>
      <bottom style="dashed">
        <color indexed="64"/>
      </bottom>
      <diagonal/>
    </border>
    <border>
      <left/>
      <right style="medium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/>
      <right/>
      <top/>
      <bottom style="dashed">
        <color indexed="64"/>
      </bottom>
      <diagonal/>
    </border>
    <border>
      <left style="thin">
        <color indexed="64"/>
      </left>
      <right style="medium">
        <color indexed="64"/>
      </right>
      <top/>
      <bottom style="dashed">
        <color indexed="64"/>
      </bottom>
      <diagonal/>
    </border>
    <border>
      <left style="medium">
        <color indexed="64"/>
      </left>
      <right style="thin">
        <color indexed="64"/>
      </right>
      <top/>
      <bottom style="dashed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</borders>
  <cellStyleXfs count="7">
    <xf numFmtId="0" fontId="0" fillId="0" borderId="0"/>
    <xf numFmtId="0" fontId="11" fillId="0" borderId="0"/>
    <xf numFmtId="0" fontId="22" fillId="0" borderId="0"/>
    <xf numFmtId="0" fontId="3" fillId="0" borderId="0"/>
    <xf numFmtId="0" fontId="22" fillId="0" borderId="0"/>
    <xf numFmtId="0" fontId="2" fillId="0" borderId="0">
      <alignment vertical="center"/>
    </xf>
    <xf numFmtId="0" fontId="1" fillId="0" borderId="0">
      <alignment vertical="center"/>
    </xf>
  </cellStyleXfs>
  <cellXfs count="739">
    <xf numFmtId="0" fontId="0" fillId="0" borderId="0" xfId="0"/>
    <xf numFmtId="176" fontId="4" fillId="0" borderId="0" xfId="0" applyNumberFormat="1" applyFont="1" applyFill="1" applyBorder="1" applyAlignment="1">
      <alignment vertical="center"/>
    </xf>
    <xf numFmtId="176" fontId="6" fillId="0" borderId="0" xfId="0" applyNumberFormat="1" applyFont="1" applyFill="1" applyAlignment="1">
      <alignment horizontal="center" vertical="center"/>
    </xf>
    <xf numFmtId="177" fontId="6" fillId="0" borderId="0" xfId="0" applyNumberFormat="1" applyFont="1" applyFill="1" applyBorder="1" applyAlignment="1">
      <alignment vertical="center"/>
    </xf>
    <xf numFmtId="176" fontId="6" fillId="0" borderId="0" xfId="0" applyNumberFormat="1" applyFont="1" applyFill="1" applyBorder="1" applyAlignment="1">
      <alignment vertical="center"/>
    </xf>
    <xf numFmtId="176" fontId="6" fillId="0" borderId="0" xfId="0" applyNumberFormat="1" applyFont="1" applyFill="1" applyBorder="1"/>
    <xf numFmtId="178" fontId="6" fillId="0" borderId="0" xfId="0" applyNumberFormat="1" applyFont="1" applyFill="1" applyBorder="1"/>
    <xf numFmtId="176" fontId="6" fillId="0" borderId="0" xfId="0" applyNumberFormat="1" applyFont="1" applyFill="1"/>
    <xf numFmtId="176" fontId="3" fillId="0" borderId="0" xfId="0" applyNumberFormat="1" applyFont="1" applyFill="1" applyAlignment="1">
      <alignment vertical="center"/>
    </xf>
    <xf numFmtId="177" fontId="6" fillId="0" borderId="0" xfId="0" applyNumberFormat="1" applyFont="1" applyFill="1" applyBorder="1"/>
    <xf numFmtId="178" fontId="6" fillId="0" borderId="0" xfId="0" applyNumberFormat="1" applyFont="1" applyFill="1"/>
    <xf numFmtId="176" fontId="6" fillId="0" borderId="0" xfId="0" applyNumberFormat="1" applyFont="1" applyFill="1" applyAlignment="1">
      <alignment horizontal="right"/>
    </xf>
    <xf numFmtId="176" fontId="6" fillId="0" borderId="2" xfId="0" applyNumberFormat="1" applyFont="1" applyFill="1" applyBorder="1" applyAlignment="1">
      <alignment horizontal="distributed" vertical="center"/>
    </xf>
    <xf numFmtId="176" fontId="6" fillId="0" borderId="3" xfId="0" applyNumberFormat="1" applyFont="1" applyFill="1" applyBorder="1" applyAlignment="1">
      <alignment horizontal="center" vertical="center"/>
    </xf>
    <xf numFmtId="176" fontId="6" fillId="0" borderId="0" xfId="0" applyNumberFormat="1" applyFont="1" applyFill="1" applyAlignment="1">
      <alignment horizontal="center"/>
    </xf>
    <xf numFmtId="176" fontId="6" fillId="0" borderId="8" xfId="0" applyNumberFormat="1" applyFont="1" applyFill="1" applyBorder="1" applyAlignment="1">
      <alignment horizontal="distributed" vertical="center"/>
    </xf>
    <xf numFmtId="176" fontId="6" fillId="0" borderId="9" xfId="0" applyNumberFormat="1" applyFont="1" applyFill="1" applyBorder="1" applyAlignment="1">
      <alignment horizontal="center" vertical="center" shrinkToFit="1"/>
    </xf>
    <xf numFmtId="176" fontId="6" fillId="0" borderId="13" xfId="0" applyNumberFormat="1" applyFont="1" applyFill="1" applyBorder="1" applyAlignment="1">
      <alignment horizontal="distributed" vertical="center"/>
    </xf>
    <xf numFmtId="176" fontId="6" fillId="0" borderId="14" xfId="0" applyNumberFormat="1" applyFont="1" applyFill="1" applyBorder="1" applyAlignment="1">
      <alignment horizontal="center" vertical="center"/>
    </xf>
    <xf numFmtId="176" fontId="6" fillId="0" borderId="0" xfId="0" applyNumberFormat="1" applyFont="1" applyFill="1" applyAlignment="1">
      <alignment horizontal="center" vertical="top"/>
    </xf>
    <xf numFmtId="176" fontId="6" fillId="0" borderId="19" xfId="0" applyNumberFormat="1" applyFont="1" applyFill="1" applyBorder="1" applyAlignment="1">
      <alignment horizontal="distributed" vertical="center"/>
    </xf>
    <xf numFmtId="177" fontId="6" fillId="0" borderId="3" xfId="0" applyNumberFormat="1" applyFont="1" applyFill="1" applyBorder="1"/>
    <xf numFmtId="176" fontId="6" fillId="0" borderId="6" xfId="0" applyNumberFormat="1" applyFont="1" applyFill="1" applyBorder="1"/>
    <xf numFmtId="176" fontId="6" fillId="0" borderId="5" xfId="0" applyNumberFormat="1" applyFont="1" applyFill="1" applyBorder="1"/>
    <xf numFmtId="178" fontId="6" fillId="0" borderId="6" xfId="0" applyNumberFormat="1" applyFont="1" applyFill="1" applyBorder="1"/>
    <xf numFmtId="176" fontId="6" fillId="0" borderId="7" xfId="0" applyNumberFormat="1" applyFont="1" applyFill="1" applyBorder="1"/>
    <xf numFmtId="176" fontId="6" fillId="0" borderId="21" xfId="0" applyNumberFormat="1" applyFont="1" applyFill="1" applyBorder="1" applyAlignment="1">
      <alignment horizontal="distributed" vertical="center"/>
    </xf>
    <xf numFmtId="177" fontId="6" fillId="0" borderId="22" xfId="0" applyNumberFormat="1" applyFont="1" applyFill="1" applyBorder="1"/>
    <xf numFmtId="176" fontId="6" fillId="0" borderId="23" xfId="0" applyNumberFormat="1" applyFont="1" applyFill="1" applyBorder="1"/>
    <xf numFmtId="176" fontId="6" fillId="0" borderId="24" xfId="0" applyNumberFormat="1" applyFont="1" applyFill="1" applyBorder="1"/>
    <xf numFmtId="178" fontId="6" fillId="0" borderId="25" xfId="0" applyNumberFormat="1" applyFont="1" applyFill="1" applyBorder="1"/>
    <xf numFmtId="176" fontId="6" fillId="0" borderId="26" xfId="0" applyNumberFormat="1" applyFont="1" applyFill="1" applyBorder="1"/>
    <xf numFmtId="177" fontId="6" fillId="0" borderId="9" xfId="0" applyNumberFormat="1" applyFont="1" applyFill="1" applyBorder="1"/>
    <xf numFmtId="176" fontId="6" fillId="0" borderId="11" xfId="0" applyNumberFormat="1" applyFont="1" applyFill="1" applyBorder="1"/>
    <xf numFmtId="176" fontId="6" fillId="0" borderId="27" xfId="0" applyNumberFormat="1" applyFont="1" applyFill="1" applyBorder="1" applyAlignment="1">
      <alignment horizontal="distributed" vertical="center"/>
    </xf>
    <xf numFmtId="177" fontId="6" fillId="0" borderId="28" xfId="0" applyNumberFormat="1" applyFont="1" applyFill="1" applyBorder="1"/>
    <xf numFmtId="176" fontId="6" fillId="0" borderId="29" xfId="0" applyNumberFormat="1" applyFont="1" applyFill="1" applyBorder="1"/>
    <xf numFmtId="176" fontId="6" fillId="0" borderId="30" xfId="0" applyNumberFormat="1" applyFont="1" applyFill="1" applyBorder="1"/>
    <xf numFmtId="178" fontId="6" fillId="0" borderId="31" xfId="0" applyNumberFormat="1" applyFont="1" applyFill="1" applyBorder="1"/>
    <xf numFmtId="176" fontId="6" fillId="0" borderId="32" xfId="0" applyNumberFormat="1" applyFont="1" applyFill="1" applyBorder="1"/>
    <xf numFmtId="176" fontId="6" fillId="0" borderId="33" xfId="0" applyNumberFormat="1" applyFont="1" applyFill="1" applyBorder="1"/>
    <xf numFmtId="176" fontId="6" fillId="0" borderId="25" xfId="0" applyNumberFormat="1" applyFont="1" applyFill="1" applyBorder="1"/>
    <xf numFmtId="179" fontId="6" fillId="0" borderId="25" xfId="0" applyNumberFormat="1" applyFont="1" applyFill="1" applyBorder="1" applyProtection="1">
      <protection locked="0"/>
    </xf>
    <xf numFmtId="176" fontId="6" fillId="0" borderId="31" xfId="0" applyNumberFormat="1" applyFont="1" applyFill="1" applyBorder="1"/>
    <xf numFmtId="179" fontId="6" fillId="0" borderId="31" xfId="0" applyNumberFormat="1" applyFont="1" applyFill="1" applyBorder="1"/>
    <xf numFmtId="177" fontId="6" fillId="0" borderId="34" xfId="0" applyNumberFormat="1" applyFont="1" applyFill="1" applyBorder="1"/>
    <xf numFmtId="176" fontId="6" fillId="0" borderId="35" xfId="0" applyNumberFormat="1" applyFont="1" applyFill="1" applyBorder="1"/>
    <xf numFmtId="176" fontId="6" fillId="0" borderId="36" xfId="0" applyNumberFormat="1" applyFont="1" applyFill="1" applyBorder="1" applyAlignment="1">
      <alignment horizontal="distributed" vertical="center"/>
    </xf>
    <xf numFmtId="176" fontId="6" fillId="0" borderId="17" xfId="0" applyNumberFormat="1" applyFont="1" applyFill="1" applyBorder="1"/>
    <xf numFmtId="176" fontId="6" fillId="0" borderId="37" xfId="0" applyNumberFormat="1" applyFont="1" applyFill="1" applyBorder="1" applyAlignment="1">
      <alignment horizontal="distributed" vertical="center"/>
    </xf>
    <xf numFmtId="176" fontId="6" fillId="0" borderId="37" xfId="0" quotePrefix="1" applyNumberFormat="1" applyFont="1" applyFill="1" applyBorder="1" applyAlignment="1">
      <alignment horizontal="center" vertical="center"/>
    </xf>
    <xf numFmtId="177" fontId="6" fillId="0" borderId="38" xfId="0" applyNumberFormat="1" applyFont="1" applyFill="1" applyBorder="1"/>
    <xf numFmtId="176" fontId="6" fillId="0" borderId="39" xfId="0" applyNumberFormat="1" applyFont="1" applyFill="1" applyBorder="1"/>
    <xf numFmtId="176" fontId="6" fillId="0" borderId="40" xfId="0" applyNumberFormat="1" applyFont="1" applyFill="1" applyBorder="1"/>
    <xf numFmtId="179" fontId="6" fillId="0" borderId="39" xfId="0" applyNumberFormat="1" applyFont="1" applyFill="1" applyBorder="1"/>
    <xf numFmtId="176" fontId="6" fillId="0" borderId="41" xfId="0" applyNumberFormat="1" applyFont="1" applyFill="1" applyBorder="1"/>
    <xf numFmtId="177" fontId="6" fillId="0" borderId="5" xfId="0" applyNumberFormat="1" applyFont="1" applyFill="1" applyBorder="1"/>
    <xf numFmtId="177" fontId="6" fillId="0" borderId="24" xfId="0" applyNumberFormat="1" applyFont="1" applyFill="1" applyBorder="1"/>
    <xf numFmtId="177" fontId="6" fillId="0" borderId="30" xfId="0" applyNumberFormat="1" applyFont="1" applyFill="1" applyBorder="1"/>
    <xf numFmtId="179" fontId="6" fillId="0" borderId="40" xfId="0" applyNumberFormat="1" applyFont="1" applyFill="1" applyBorder="1"/>
    <xf numFmtId="176" fontId="6" fillId="0" borderId="42" xfId="0" applyNumberFormat="1" applyFont="1" applyFill="1" applyBorder="1"/>
    <xf numFmtId="176" fontId="6" fillId="0" borderId="13" xfId="0" applyNumberFormat="1" applyFont="1" applyFill="1" applyBorder="1" applyAlignment="1">
      <alignment horizontal="center" vertical="center"/>
    </xf>
    <xf numFmtId="176" fontId="6" fillId="0" borderId="0" xfId="0" applyNumberFormat="1" applyFont="1" applyFill="1" applyAlignment="1">
      <alignment vertical="center"/>
    </xf>
    <xf numFmtId="180" fontId="8" fillId="0" borderId="0" xfId="0" applyNumberFormat="1" applyFont="1" applyFill="1" applyBorder="1" applyAlignment="1">
      <alignment horizontal="distributed" vertical="center" wrapText="1"/>
    </xf>
    <xf numFmtId="176" fontId="6" fillId="0" borderId="0" xfId="0" applyNumberFormat="1" applyFont="1" applyFill="1" applyAlignment="1">
      <alignment horizontal="distributed" vertical="center"/>
    </xf>
    <xf numFmtId="180" fontId="8" fillId="0" borderId="0" xfId="0" applyNumberFormat="1" applyFont="1" applyFill="1" applyBorder="1" applyAlignment="1">
      <alignment horizontal="center" vertical="center"/>
    </xf>
    <xf numFmtId="176" fontId="6" fillId="0" borderId="0" xfId="0" applyNumberFormat="1" applyFont="1" applyFill="1" applyAlignment="1" applyProtection="1">
      <alignment horizontal="distributed" vertical="center"/>
      <protection locked="0"/>
    </xf>
    <xf numFmtId="176" fontId="9" fillId="0" borderId="0" xfId="0" applyNumberFormat="1" applyFont="1" applyFill="1" applyAlignment="1">
      <alignment vertical="center"/>
    </xf>
    <xf numFmtId="176" fontId="10" fillId="0" borderId="0" xfId="0" applyNumberFormat="1" applyFont="1" applyFill="1" applyAlignment="1">
      <alignment vertical="center"/>
    </xf>
    <xf numFmtId="177" fontId="10" fillId="0" borderId="0" xfId="0" applyNumberFormat="1" applyFont="1" applyFill="1" applyBorder="1" applyAlignment="1">
      <alignment vertical="center"/>
    </xf>
    <xf numFmtId="176" fontId="10" fillId="0" borderId="0" xfId="0" applyNumberFormat="1" applyFont="1" applyFill="1" applyBorder="1" applyAlignment="1">
      <alignment horizontal="distributed" vertical="center" wrapText="1"/>
    </xf>
    <xf numFmtId="176" fontId="10" fillId="0" borderId="0" xfId="0" applyNumberFormat="1" applyFont="1" applyFill="1" applyBorder="1" applyAlignment="1">
      <alignment vertical="center"/>
    </xf>
    <xf numFmtId="176" fontId="10" fillId="0" borderId="7" xfId="0" applyNumberFormat="1" applyFont="1" applyFill="1" applyBorder="1" applyAlignment="1">
      <alignment horizontal="center" vertical="center" wrapText="1"/>
    </xf>
    <xf numFmtId="177" fontId="10" fillId="0" borderId="6" xfId="0" applyNumberFormat="1" applyFont="1" applyFill="1" applyBorder="1" applyAlignment="1">
      <alignment horizontal="center" vertical="center" wrapText="1"/>
    </xf>
    <xf numFmtId="0" fontId="6" fillId="0" borderId="12" xfId="0" applyFont="1" applyFill="1" applyBorder="1" applyAlignment="1">
      <alignment horizontal="center" vertical="center" wrapText="1"/>
    </xf>
    <xf numFmtId="177" fontId="10" fillId="0" borderId="43" xfId="0" applyNumberFormat="1" applyFont="1" applyFill="1" applyBorder="1" applyAlignment="1">
      <alignment horizontal="center" vertical="center" wrapText="1"/>
    </xf>
    <xf numFmtId="176" fontId="10" fillId="0" borderId="44" xfId="0" applyNumberFormat="1" applyFont="1" applyFill="1" applyBorder="1" applyAlignment="1">
      <alignment horizontal="center" vertical="center" wrapText="1"/>
    </xf>
    <xf numFmtId="38" fontId="6" fillId="0" borderId="12" xfId="0" applyNumberFormat="1" applyFont="1" applyFill="1" applyBorder="1" applyAlignment="1">
      <alignment horizontal="center" vertical="center" wrapText="1"/>
    </xf>
    <xf numFmtId="177" fontId="10" fillId="0" borderId="0" xfId="0" applyNumberFormat="1" applyFont="1" applyFill="1" applyBorder="1" applyAlignment="1">
      <alignment horizontal="center" vertical="center" wrapText="1"/>
    </xf>
    <xf numFmtId="178" fontId="10" fillId="0" borderId="11" xfId="0" applyNumberFormat="1" applyFont="1" applyFill="1" applyBorder="1" applyAlignment="1">
      <alignment horizontal="center" vertical="center" wrapText="1"/>
    </xf>
    <xf numFmtId="176" fontId="10" fillId="0" borderId="11" xfId="0" applyNumberFormat="1" applyFont="1" applyFill="1" applyBorder="1" applyAlignment="1">
      <alignment horizontal="center" vertical="center" wrapText="1"/>
    </xf>
    <xf numFmtId="0" fontId="6" fillId="0" borderId="18" xfId="0" applyFont="1" applyFill="1" applyBorder="1" applyAlignment="1">
      <alignment horizontal="center" vertical="center" wrapText="1"/>
    </xf>
    <xf numFmtId="177" fontId="10" fillId="0" borderId="17" xfId="0" applyNumberFormat="1" applyFont="1" applyFill="1" applyBorder="1" applyAlignment="1">
      <alignment horizontal="distributed" vertical="center" wrapText="1" justifyLastLine="1"/>
    </xf>
    <xf numFmtId="178" fontId="10" fillId="0" borderId="16" xfId="0" applyNumberFormat="1" applyFont="1" applyFill="1" applyBorder="1" applyAlignment="1">
      <alignment horizontal="center" vertical="center" wrapText="1"/>
    </xf>
    <xf numFmtId="176" fontId="10" fillId="0" borderId="16" xfId="0" applyNumberFormat="1" applyFont="1" applyFill="1" applyBorder="1" applyAlignment="1">
      <alignment horizontal="center" vertical="center" wrapText="1"/>
    </xf>
    <xf numFmtId="176" fontId="10" fillId="0" borderId="3" xfId="0" applyNumberFormat="1" applyFont="1" applyFill="1" applyBorder="1" applyAlignment="1">
      <alignment horizontal="center" vertical="center"/>
    </xf>
    <xf numFmtId="176" fontId="10" fillId="0" borderId="6" xfId="0" applyNumberFormat="1" applyFont="1" applyFill="1" applyBorder="1" applyAlignment="1">
      <alignment horizontal="distributed" vertical="center"/>
    </xf>
    <xf numFmtId="176" fontId="10" fillId="0" borderId="6" xfId="0" applyNumberFormat="1" applyFont="1" applyFill="1" applyBorder="1" applyAlignment="1">
      <alignment horizontal="center" vertical="center"/>
    </xf>
    <xf numFmtId="176" fontId="10" fillId="0" borderId="2" xfId="0" applyNumberFormat="1" applyFont="1" applyFill="1" applyBorder="1" applyAlignment="1">
      <alignment vertical="center"/>
    </xf>
    <xf numFmtId="176" fontId="10" fillId="0" borderId="9" xfId="0" applyNumberFormat="1" applyFont="1" applyFill="1" applyBorder="1" applyAlignment="1">
      <alignment horizontal="center" vertical="center"/>
    </xf>
    <xf numFmtId="176" fontId="10" fillId="0" borderId="0" xfId="0" applyNumberFormat="1" applyFont="1" applyFill="1" applyBorder="1" applyAlignment="1">
      <alignment horizontal="center" vertical="center"/>
    </xf>
    <xf numFmtId="176" fontId="10" fillId="0" borderId="8" xfId="0" applyNumberFormat="1" applyFont="1" applyFill="1" applyBorder="1" applyAlignment="1">
      <alignment vertical="center"/>
    </xf>
    <xf numFmtId="176" fontId="10" fillId="0" borderId="0" xfId="0" applyNumberFormat="1" applyFont="1" applyFill="1" applyBorder="1" applyAlignment="1">
      <alignment horizontal="distributed" vertical="center"/>
    </xf>
    <xf numFmtId="176" fontId="10" fillId="0" borderId="14" xfId="0" applyNumberFormat="1" applyFont="1" applyFill="1" applyBorder="1" applyAlignment="1">
      <alignment horizontal="center" vertical="center"/>
    </xf>
    <xf numFmtId="176" fontId="10" fillId="0" borderId="13" xfId="0" applyNumberFormat="1" applyFont="1" applyFill="1" applyBorder="1" applyAlignment="1">
      <alignment vertical="center"/>
    </xf>
    <xf numFmtId="176" fontId="10" fillId="0" borderId="7" xfId="0" applyNumberFormat="1" applyFont="1" applyFill="1" applyBorder="1" applyAlignment="1">
      <alignment horizontal="center" vertical="center"/>
    </xf>
    <xf numFmtId="176" fontId="10" fillId="0" borderId="12" xfId="0" applyNumberFormat="1" applyFont="1" applyFill="1" applyBorder="1" applyAlignment="1">
      <alignment horizontal="center" vertical="center"/>
    </xf>
    <xf numFmtId="176" fontId="10" fillId="0" borderId="17" xfId="0" applyNumberFormat="1" applyFont="1" applyFill="1" applyBorder="1" applyAlignment="1">
      <alignment horizontal="center" vertical="center"/>
    </xf>
    <xf numFmtId="176" fontId="10" fillId="0" borderId="18" xfId="0" applyNumberFormat="1" applyFont="1" applyFill="1" applyBorder="1" applyAlignment="1">
      <alignment horizontal="center" vertical="center"/>
    </xf>
    <xf numFmtId="180" fontId="10" fillId="0" borderId="0" xfId="0" applyNumberFormat="1" applyFont="1" applyFill="1" applyBorder="1" applyAlignment="1">
      <alignment horizontal="distributed" vertical="center" wrapText="1"/>
    </xf>
    <xf numFmtId="176" fontId="10" fillId="0" borderId="17" xfId="0" applyNumberFormat="1" applyFont="1" applyFill="1" applyBorder="1" applyAlignment="1">
      <alignment horizontal="distributed" vertical="center"/>
    </xf>
    <xf numFmtId="176" fontId="10" fillId="0" borderId="0" xfId="0" applyNumberFormat="1" applyFont="1" applyFill="1" applyBorder="1" applyAlignment="1">
      <alignment horizontal="distributed" vertical="center" shrinkToFit="1"/>
    </xf>
    <xf numFmtId="0" fontId="12" fillId="0" borderId="0" xfId="1" applyFont="1"/>
    <xf numFmtId="0" fontId="13" fillId="0" borderId="0" xfId="1" applyFont="1" applyAlignment="1">
      <alignment vertical="top"/>
    </xf>
    <xf numFmtId="0" fontId="12" fillId="0" borderId="0" xfId="1" applyFont="1" applyAlignment="1">
      <alignment horizontal="center"/>
    </xf>
    <xf numFmtId="0" fontId="12" fillId="0" borderId="0" xfId="1" applyFont="1" applyAlignment="1">
      <alignment horizontal="center" vertical="center"/>
    </xf>
    <xf numFmtId="0" fontId="12" fillId="0" borderId="0" xfId="1" applyFont="1" applyAlignment="1">
      <alignment horizontal="right"/>
    </xf>
    <xf numFmtId="0" fontId="12" fillId="0" borderId="0" xfId="1" applyFont="1" applyAlignment="1">
      <alignment vertical="top"/>
    </xf>
    <xf numFmtId="0" fontId="12" fillId="0" borderId="0" xfId="1" applyFont="1" applyAlignment="1"/>
    <xf numFmtId="0" fontId="12" fillId="0" borderId="0" xfId="1" applyFont="1" applyFill="1" applyBorder="1"/>
    <xf numFmtId="0" fontId="12" fillId="0" borderId="0" xfId="1" applyFont="1" applyAlignment="1">
      <alignment horizontal="left"/>
    </xf>
    <xf numFmtId="0" fontId="12" fillId="0" borderId="0" xfId="1" applyFont="1" applyFill="1"/>
    <xf numFmtId="0" fontId="12" fillId="0" borderId="0" xfId="1" applyFont="1" applyAlignment="1">
      <alignment horizontal="left" vertical="center"/>
    </xf>
    <xf numFmtId="0" fontId="6" fillId="0" borderId="0" xfId="1" applyFont="1"/>
    <xf numFmtId="180" fontId="15" fillId="0" borderId="0" xfId="0" applyNumberFormat="1" applyFont="1" applyFill="1" applyAlignment="1">
      <alignment vertical="center"/>
    </xf>
    <xf numFmtId="176" fontId="16" fillId="0" borderId="0" xfId="0" applyNumberFormat="1" applyFont="1" applyFill="1" applyAlignment="1">
      <alignment vertical="center"/>
    </xf>
    <xf numFmtId="180" fontId="16" fillId="0" borderId="0" xfId="0" applyNumberFormat="1" applyFont="1" applyFill="1" applyAlignment="1">
      <alignment vertical="center"/>
    </xf>
    <xf numFmtId="180" fontId="17" fillId="0" borderId="0" xfId="0" applyNumberFormat="1" applyFont="1" applyFill="1" applyAlignment="1">
      <alignment vertical="center"/>
    </xf>
    <xf numFmtId="180" fontId="14" fillId="0" borderId="0" xfId="0" applyNumberFormat="1" applyFont="1" applyFill="1" applyAlignment="1">
      <alignment vertical="center"/>
    </xf>
    <xf numFmtId="176" fontId="17" fillId="0" borderId="0" xfId="0" applyNumberFormat="1" applyFont="1" applyFill="1" applyAlignment="1">
      <alignment vertical="center"/>
    </xf>
    <xf numFmtId="180" fontId="3" fillId="0" borderId="0" xfId="0" applyNumberFormat="1" applyFont="1" applyFill="1" applyAlignment="1">
      <alignment vertical="top"/>
    </xf>
    <xf numFmtId="176" fontId="18" fillId="0" borderId="0" xfId="0" applyNumberFormat="1" applyFont="1" applyFill="1" applyAlignment="1">
      <alignment vertical="top"/>
    </xf>
    <xf numFmtId="180" fontId="18" fillId="0" borderId="0" xfId="0" applyNumberFormat="1" applyFont="1" applyFill="1" applyAlignment="1">
      <alignment vertical="top"/>
    </xf>
    <xf numFmtId="180" fontId="14" fillId="0" borderId="0" xfId="0" applyNumberFormat="1" applyFont="1" applyFill="1" applyAlignment="1">
      <alignment vertical="top"/>
    </xf>
    <xf numFmtId="180" fontId="14" fillId="0" borderId="33" xfId="0" applyNumberFormat="1" applyFont="1" applyFill="1" applyBorder="1" applyAlignment="1">
      <alignment horizontal="center" vertical="center"/>
    </xf>
    <xf numFmtId="180" fontId="14" fillId="0" borderId="0" xfId="0" applyNumberFormat="1" applyFont="1" applyFill="1" applyAlignment="1">
      <alignment horizontal="center" vertical="center"/>
    </xf>
    <xf numFmtId="0" fontId="8" fillId="0" borderId="56" xfId="0" applyFont="1" applyFill="1" applyBorder="1" applyAlignment="1">
      <alignment horizontal="center" vertical="center" shrinkToFit="1"/>
    </xf>
    <xf numFmtId="180" fontId="8" fillId="0" borderId="65" xfId="0" applyNumberFormat="1" applyFont="1" applyFill="1" applyBorder="1" applyAlignment="1">
      <alignment horizontal="center" vertical="center" shrinkToFit="1"/>
    </xf>
    <xf numFmtId="180" fontId="8" fillId="0" borderId="23" xfId="0" applyNumberFormat="1" applyFont="1" applyFill="1" applyBorder="1" applyAlignment="1">
      <alignment horizontal="center" vertical="center"/>
    </xf>
    <xf numFmtId="180" fontId="8" fillId="0" borderId="56" xfId="0" applyNumberFormat="1" applyFont="1" applyFill="1" applyBorder="1" applyAlignment="1">
      <alignment horizontal="center" vertical="center" shrinkToFit="1"/>
    </xf>
    <xf numFmtId="180" fontId="8" fillId="0" borderId="56" xfId="0" applyNumberFormat="1" applyFont="1" applyFill="1" applyBorder="1" applyAlignment="1">
      <alignment horizontal="center" vertical="center"/>
    </xf>
    <xf numFmtId="180" fontId="8" fillId="0" borderId="26" xfId="0" applyNumberFormat="1" applyFont="1" applyFill="1" applyBorder="1" applyAlignment="1">
      <alignment horizontal="center" vertical="center"/>
    </xf>
    <xf numFmtId="0" fontId="8" fillId="0" borderId="16" xfId="0" applyFont="1" applyFill="1" applyBorder="1" applyAlignment="1">
      <alignment horizontal="center" vertical="center" wrapText="1"/>
    </xf>
    <xf numFmtId="180" fontId="8" fillId="0" borderId="14" xfId="0" applyNumberFormat="1" applyFont="1" applyFill="1" applyBorder="1" applyAlignment="1">
      <alignment horizontal="center" vertical="center" shrinkToFit="1"/>
    </xf>
    <xf numFmtId="180" fontId="8" fillId="0" borderId="16" xfId="0" applyNumberFormat="1" applyFont="1" applyFill="1" applyBorder="1" applyAlignment="1">
      <alignment horizontal="center" vertical="center" shrinkToFit="1"/>
    </xf>
    <xf numFmtId="180" fontId="8" fillId="0" borderId="16" xfId="0" applyNumberFormat="1" applyFont="1" applyFill="1" applyBorder="1" applyAlignment="1">
      <alignment horizontal="center" vertical="center"/>
    </xf>
    <xf numFmtId="180" fontId="8" fillId="0" borderId="66" xfId="0" applyNumberFormat="1" applyFont="1" applyFill="1" applyBorder="1" applyAlignment="1">
      <alignment horizontal="center" vertical="center"/>
    </xf>
    <xf numFmtId="180" fontId="8" fillId="0" borderId="60" xfId="0" applyNumberFormat="1" applyFont="1" applyFill="1" applyBorder="1" applyAlignment="1">
      <alignment horizontal="center" vertical="center"/>
    </xf>
    <xf numFmtId="180" fontId="8" fillId="0" borderId="19" xfId="0" applyNumberFormat="1" applyFont="1" applyFill="1" applyBorder="1" applyAlignment="1">
      <alignment horizontal="distributed" vertical="center"/>
    </xf>
    <xf numFmtId="180" fontId="8" fillId="0" borderId="63" xfId="0" applyNumberFormat="1" applyFont="1" applyFill="1" applyBorder="1" applyAlignment="1">
      <alignment horizontal="right" vertical="center"/>
    </xf>
    <xf numFmtId="180" fontId="8" fillId="0" borderId="67" xfId="0" applyNumberFormat="1" applyFont="1" applyFill="1" applyBorder="1" applyAlignment="1">
      <alignment horizontal="right" vertical="center"/>
    </xf>
    <xf numFmtId="182" fontId="8" fillId="0" borderId="68" xfId="0" applyNumberFormat="1" applyFont="1" applyFill="1" applyBorder="1" applyAlignment="1">
      <alignment horizontal="right" vertical="center" shrinkToFit="1"/>
    </xf>
    <xf numFmtId="182" fontId="8" fillId="0" borderId="11" xfId="0" applyNumberFormat="1" applyFont="1" applyFill="1" applyBorder="1" applyAlignment="1">
      <alignment horizontal="right" vertical="center"/>
    </xf>
    <xf numFmtId="180" fontId="8" fillId="0" borderId="46" xfId="0" applyNumberFormat="1" applyFont="1" applyFill="1" applyBorder="1" applyAlignment="1">
      <alignment horizontal="right" vertical="center"/>
    </xf>
    <xf numFmtId="182" fontId="8" fillId="0" borderId="49" xfId="0" applyNumberFormat="1" applyFont="1" applyFill="1" applyBorder="1" applyAlignment="1">
      <alignment horizontal="right" vertical="center"/>
    </xf>
    <xf numFmtId="180" fontId="8" fillId="0" borderId="69" xfId="0" applyNumberFormat="1" applyFont="1" applyFill="1" applyBorder="1" applyAlignment="1">
      <alignment horizontal="right" vertical="center"/>
    </xf>
    <xf numFmtId="182" fontId="8" fillId="0" borderId="47" xfId="0" applyNumberFormat="1" applyFont="1" applyFill="1" applyBorder="1" applyAlignment="1">
      <alignment horizontal="right" vertical="center"/>
    </xf>
    <xf numFmtId="182" fontId="8" fillId="0" borderId="46" xfId="0" applyNumberFormat="1" applyFont="1" applyFill="1" applyBorder="1" applyAlignment="1">
      <alignment horizontal="right" vertical="center"/>
    </xf>
    <xf numFmtId="182" fontId="8" fillId="0" borderId="68" xfId="0" applyNumberFormat="1" applyFont="1" applyFill="1" applyBorder="1" applyAlignment="1">
      <alignment horizontal="right" vertical="center"/>
    </xf>
    <xf numFmtId="180" fontId="8" fillId="0" borderId="21" xfId="0" applyNumberFormat="1" applyFont="1" applyFill="1" applyBorder="1" applyAlignment="1">
      <alignment horizontal="distributed" vertical="center"/>
    </xf>
    <xf numFmtId="180" fontId="8" fillId="0" borderId="34" xfId="0" applyNumberFormat="1" applyFont="1" applyFill="1" applyBorder="1" applyAlignment="1">
      <alignment horizontal="right" vertical="center"/>
    </xf>
    <xf numFmtId="180" fontId="8" fillId="0" borderId="35" xfId="0" applyNumberFormat="1" applyFont="1" applyFill="1" applyBorder="1" applyAlignment="1">
      <alignment horizontal="right" vertical="center"/>
    </xf>
    <xf numFmtId="182" fontId="8" fillId="0" borderId="51" xfId="0" applyNumberFormat="1" applyFont="1" applyFill="1" applyBorder="1" applyAlignment="1">
      <alignment horizontal="right" vertical="center" shrinkToFit="1"/>
    </xf>
    <xf numFmtId="180" fontId="8" fillId="0" borderId="22" xfId="0" applyNumberFormat="1" applyFont="1" applyFill="1" applyBorder="1" applyAlignment="1">
      <alignment horizontal="right" vertical="center"/>
    </xf>
    <xf numFmtId="182" fontId="8" fillId="0" borderId="24" xfId="0" applyNumberFormat="1" applyFont="1" applyFill="1" applyBorder="1" applyAlignment="1">
      <alignment horizontal="right" vertical="center"/>
    </xf>
    <xf numFmtId="180" fontId="8" fillId="0" borderId="1" xfId="0" applyNumberFormat="1" applyFont="1" applyFill="1" applyBorder="1" applyAlignment="1">
      <alignment horizontal="right" vertical="center"/>
    </xf>
    <xf numFmtId="182" fontId="8" fillId="0" borderId="1" xfId="0" applyNumberFormat="1" applyFont="1" applyFill="1" applyBorder="1" applyAlignment="1">
      <alignment horizontal="right" vertical="center"/>
    </xf>
    <xf numFmtId="180" fontId="8" fillId="0" borderId="24" xfId="0" applyNumberFormat="1" applyFont="1" applyFill="1" applyBorder="1" applyAlignment="1">
      <alignment horizontal="right" vertical="center"/>
    </xf>
    <xf numFmtId="182" fontId="8" fillId="0" borderId="70" xfId="0" applyNumberFormat="1" applyFont="1" applyFill="1" applyBorder="1" applyAlignment="1">
      <alignment horizontal="right" vertical="center"/>
    </xf>
    <xf numFmtId="180" fontId="8" fillId="0" borderId="0" xfId="0" applyNumberFormat="1" applyFont="1" applyFill="1" applyBorder="1" applyAlignment="1">
      <alignment vertical="center"/>
    </xf>
    <xf numFmtId="180" fontId="8" fillId="0" borderId="0" xfId="0" applyNumberFormat="1" applyFont="1" applyFill="1" applyAlignment="1">
      <alignment vertical="center"/>
    </xf>
    <xf numFmtId="182" fontId="8" fillId="0" borderId="35" xfId="0" applyNumberFormat="1" applyFont="1" applyFill="1" applyBorder="1" applyAlignment="1">
      <alignment horizontal="right" vertical="center" shrinkToFit="1"/>
    </xf>
    <xf numFmtId="180" fontId="8" fillId="0" borderId="1" xfId="0" applyNumberFormat="1" applyFont="1" applyFill="1" applyBorder="1" applyAlignment="1">
      <alignment horizontal="distributed" vertical="center" justifyLastLine="1"/>
    </xf>
    <xf numFmtId="180" fontId="8" fillId="0" borderId="27" xfId="0" applyNumberFormat="1" applyFont="1" applyFill="1" applyBorder="1" applyAlignment="1">
      <alignment horizontal="distributed" vertical="center"/>
    </xf>
    <xf numFmtId="182" fontId="8" fillId="0" borderId="71" xfId="0" applyNumberFormat="1" applyFont="1" applyFill="1" applyBorder="1" applyAlignment="1">
      <alignment horizontal="right" vertical="center"/>
    </xf>
    <xf numFmtId="180" fontId="8" fillId="0" borderId="71" xfId="0" applyNumberFormat="1" applyFont="1" applyFill="1" applyBorder="1" applyAlignment="1">
      <alignment horizontal="right" vertical="center"/>
    </xf>
    <xf numFmtId="182" fontId="8" fillId="0" borderId="66" xfId="0" applyNumberFormat="1" applyFont="1" applyFill="1" applyBorder="1" applyAlignment="1">
      <alignment horizontal="right" vertical="center"/>
    </xf>
    <xf numFmtId="180" fontId="8" fillId="0" borderId="53" xfId="0" applyNumberFormat="1" applyFont="1" applyFill="1" applyBorder="1" applyAlignment="1">
      <alignment horizontal="distributed" vertical="center"/>
    </xf>
    <xf numFmtId="180" fontId="8" fillId="0" borderId="50" xfId="0" applyNumberFormat="1" applyFont="1" applyFill="1" applyBorder="1" applyAlignment="1">
      <alignment horizontal="right" vertical="center"/>
    </xf>
    <xf numFmtId="180" fontId="8" fillId="0" borderId="50" xfId="0" applyNumberFormat="1" applyFont="1" applyFill="1" applyBorder="1" applyAlignment="1">
      <alignment horizontal="distributed" vertical="center"/>
    </xf>
    <xf numFmtId="180" fontId="7" fillId="0" borderId="53" xfId="0" applyNumberFormat="1" applyFont="1" applyFill="1" applyBorder="1" applyAlignment="1">
      <alignment horizontal="distributed" vertical="center"/>
    </xf>
    <xf numFmtId="180" fontId="7" fillId="0" borderId="50" xfId="0" applyNumberFormat="1" applyFont="1" applyFill="1" applyBorder="1" applyAlignment="1">
      <alignment horizontal="distributed" vertical="center"/>
    </xf>
    <xf numFmtId="180" fontId="14" fillId="0" borderId="0" xfId="0" applyNumberFormat="1" applyFont="1" applyFill="1" applyBorder="1" applyAlignment="1">
      <alignment vertical="center"/>
    </xf>
    <xf numFmtId="180" fontId="8" fillId="0" borderId="72" xfId="0" applyNumberFormat="1" applyFont="1" applyFill="1" applyBorder="1" applyAlignment="1">
      <alignment horizontal="distributed" vertical="center" justifyLastLine="1"/>
    </xf>
    <xf numFmtId="180" fontId="8" fillId="0" borderId="72" xfId="0" applyNumberFormat="1" applyFont="1" applyFill="1" applyBorder="1" applyAlignment="1">
      <alignment horizontal="center" vertical="center"/>
    </xf>
    <xf numFmtId="49" fontId="8" fillId="0" borderId="0" xfId="0" applyNumberFormat="1" applyFont="1" applyFill="1" applyBorder="1" applyAlignment="1">
      <alignment horizontal="right" vertical="center"/>
    </xf>
    <xf numFmtId="49" fontId="8" fillId="0" borderId="0" xfId="0" applyNumberFormat="1" applyFont="1" applyFill="1" applyBorder="1" applyAlignment="1">
      <alignment vertical="center"/>
    </xf>
    <xf numFmtId="49" fontId="14" fillId="0" borderId="0" xfId="0" applyNumberFormat="1" applyFont="1" applyFill="1" applyAlignment="1">
      <alignment vertical="center"/>
    </xf>
    <xf numFmtId="180" fontId="8" fillId="0" borderId="36" xfId="0" applyNumberFormat="1" applyFont="1" applyFill="1" applyBorder="1" applyAlignment="1">
      <alignment horizontal="distributed" vertical="center"/>
    </xf>
    <xf numFmtId="180" fontId="8" fillId="0" borderId="65" xfId="0" applyNumberFormat="1" applyFont="1" applyFill="1" applyBorder="1" applyAlignment="1">
      <alignment horizontal="right" vertical="center"/>
    </xf>
    <xf numFmtId="180" fontId="8" fillId="0" borderId="56" xfId="0" applyNumberFormat="1" applyFont="1" applyFill="1" applyBorder="1" applyAlignment="1">
      <alignment horizontal="right" vertical="center"/>
    </xf>
    <xf numFmtId="180" fontId="8" fillId="0" borderId="53" xfId="0" applyNumberFormat="1" applyFont="1" applyFill="1" applyBorder="1" applyAlignment="1">
      <alignment horizontal="right" vertical="center"/>
    </xf>
    <xf numFmtId="180" fontId="8" fillId="0" borderId="37" xfId="0" applyNumberFormat="1" applyFont="1" applyFill="1" applyBorder="1" applyAlignment="1">
      <alignment horizontal="distributed" vertical="center"/>
    </xf>
    <xf numFmtId="180" fontId="8" fillId="0" borderId="38" xfId="0" applyNumberFormat="1" applyFont="1" applyFill="1" applyBorder="1" applyAlignment="1">
      <alignment horizontal="right" vertical="center" shrinkToFit="1"/>
    </xf>
    <xf numFmtId="180" fontId="8" fillId="0" borderId="42" xfId="0" applyNumberFormat="1" applyFont="1" applyFill="1" applyBorder="1" applyAlignment="1">
      <alignment horizontal="right" vertical="center"/>
    </xf>
    <xf numFmtId="182" fontId="8" fillId="0" borderId="67" xfId="0" applyNumberFormat="1" applyFont="1" applyFill="1" applyBorder="1" applyAlignment="1">
      <alignment horizontal="right" vertical="center" shrinkToFit="1"/>
    </xf>
    <xf numFmtId="182" fontId="8" fillId="0" borderId="42" xfId="0" applyNumberFormat="1" applyFont="1" applyFill="1" applyBorder="1" applyAlignment="1">
      <alignment horizontal="right" vertical="center"/>
    </xf>
    <xf numFmtId="180" fontId="8" fillId="0" borderId="73" xfId="0" applyNumberFormat="1" applyFont="1" applyFill="1" applyBorder="1" applyAlignment="1">
      <alignment horizontal="right" vertical="center" shrinkToFit="1"/>
    </xf>
    <xf numFmtId="182" fontId="8" fillId="0" borderId="73" xfId="0" applyNumberFormat="1" applyFont="1" applyFill="1" applyBorder="1" applyAlignment="1">
      <alignment horizontal="right" vertical="center"/>
    </xf>
    <xf numFmtId="182" fontId="8" fillId="0" borderId="74" xfId="0" applyNumberFormat="1" applyFont="1" applyFill="1" applyBorder="1" applyAlignment="1">
      <alignment horizontal="right" vertical="center"/>
    </xf>
    <xf numFmtId="180" fontId="8" fillId="0" borderId="38" xfId="0" applyNumberFormat="1" applyFont="1" applyFill="1" applyBorder="1" applyAlignment="1">
      <alignment horizontal="right" vertical="center"/>
    </xf>
    <xf numFmtId="180" fontId="8" fillId="0" borderId="0" xfId="0" applyNumberFormat="1" applyFont="1" applyFill="1" applyAlignment="1">
      <alignment vertical="center" wrapText="1"/>
    </xf>
    <xf numFmtId="182" fontId="8" fillId="0" borderId="30" xfId="0" applyNumberFormat="1" applyFont="1" applyFill="1" applyBorder="1" applyAlignment="1">
      <alignment horizontal="right" vertical="center"/>
    </xf>
    <xf numFmtId="180" fontId="8" fillId="0" borderId="0" xfId="0" applyNumberFormat="1" applyFont="1" applyFill="1" applyBorder="1" applyAlignment="1">
      <alignment horizontal="right" vertical="center"/>
    </xf>
    <xf numFmtId="180" fontId="14" fillId="0" borderId="0" xfId="0" applyNumberFormat="1" applyFont="1" applyFill="1" applyAlignment="1">
      <alignment vertical="top" wrapText="1"/>
    </xf>
    <xf numFmtId="180" fontId="8" fillId="0" borderId="2" xfId="0" applyNumberFormat="1" applyFont="1" applyFill="1" applyBorder="1" applyAlignment="1">
      <alignment horizontal="distributed" vertical="center"/>
    </xf>
    <xf numFmtId="180" fontId="8" fillId="0" borderId="3" xfId="0" applyNumberFormat="1" applyFont="1" applyFill="1" applyBorder="1" applyAlignment="1">
      <alignment horizontal="right" vertical="center"/>
    </xf>
    <xf numFmtId="180" fontId="8" fillId="0" borderId="5" xfId="0" applyNumberFormat="1" applyFont="1" applyFill="1" applyBorder="1" applyAlignment="1">
      <alignment horizontal="right" vertical="center"/>
    </xf>
    <xf numFmtId="182" fontId="8" fillId="0" borderId="5" xfId="0" applyNumberFormat="1" applyFont="1" applyFill="1" applyBorder="1" applyAlignment="1">
      <alignment horizontal="right" vertical="center" shrinkToFit="1"/>
    </xf>
    <xf numFmtId="182" fontId="8" fillId="0" borderId="5" xfId="0" applyNumberFormat="1" applyFont="1" applyFill="1" applyBorder="1" applyAlignment="1">
      <alignment horizontal="right" vertical="center"/>
    </xf>
    <xf numFmtId="180" fontId="8" fillId="0" borderId="75" xfId="0" applyNumberFormat="1" applyFont="1" applyFill="1" applyBorder="1" applyAlignment="1">
      <alignment horizontal="distributed" vertical="center"/>
    </xf>
    <xf numFmtId="180" fontId="8" fillId="0" borderId="76" xfId="0" applyNumberFormat="1" applyFont="1" applyFill="1" applyBorder="1" applyAlignment="1">
      <alignment horizontal="right" vertical="center" shrinkToFit="1"/>
    </xf>
    <xf numFmtId="180" fontId="8" fillId="0" borderId="77" xfId="0" applyNumberFormat="1" applyFont="1" applyFill="1" applyBorder="1" applyAlignment="1">
      <alignment horizontal="right" vertical="center"/>
    </xf>
    <xf numFmtId="182" fontId="8" fillId="0" borderId="78" xfId="0" applyNumberFormat="1" applyFont="1" applyFill="1" applyBorder="1" applyAlignment="1">
      <alignment horizontal="right" vertical="center"/>
    </xf>
    <xf numFmtId="180" fontId="8" fillId="0" borderId="77" xfId="0" applyNumberFormat="1" applyFont="1" applyFill="1" applyBorder="1" applyAlignment="1">
      <alignment horizontal="right" vertical="center" shrinkToFit="1"/>
    </xf>
    <xf numFmtId="182" fontId="8" fillId="0" borderId="79" xfId="0" applyNumberFormat="1" applyFont="1" applyFill="1" applyBorder="1" applyAlignment="1">
      <alignment horizontal="right" vertical="center"/>
    </xf>
    <xf numFmtId="180" fontId="8" fillId="0" borderId="80" xfId="0" applyNumberFormat="1" applyFont="1" applyFill="1" applyBorder="1" applyAlignment="1">
      <alignment horizontal="right" vertical="center"/>
    </xf>
    <xf numFmtId="182" fontId="8" fillId="0" borderId="77" xfId="0" applyNumberFormat="1" applyFont="1" applyFill="1" applyBorder="1" applyAlignment="1">
      <alignment horizontal="right" vertical="center"/>
    </xf>
    <xf numFmtId="180" fontId="8" fillId="0" borderId="79" xfId="0" applyNumberFormat="1" applyFont="1" applyFill="1" applyBorder="1" applyAlignment="1">
      <alignment horizontal="right" vertical="center"/>
    </xf>
    <xf numFmtId="182" fontId="8" fillId="0" borderId="81" xfId="0" applyNumberFormat="1" applyFont="1" applyFill="1" applyBorder="1" applyAlignment="1">
      <alignment horizontal="right" vertical="center"/>
    </xf>
    <xf numFmtId="180" fontId="8" fillId="0" borderId="82" xfId="0" applyNumberFormat="1" applyFont="1" applyFill="1" applyBorder="1" applyAlignment="1">
      <alignment horizontal="right" vertical="center"/>
    </xf>
    <xf numFmtId="180" fontId="8" fillId="0" borderId="2" xfId="0" applyNumberFormat="1" applyFont="1" applyFill="1" applyBorder="1" applyAlignment="1">
      <alignment horizontal="distributed" vertical="center" wrapText="1"/>
    </xf>
    <xf numFmtId="182" fontId="8" fillId="0" borderId="62" xfId="0" applyNumberFormat="1" applyFont="1" applyFill="1" applyBorder="1" applyAlignment="1">
      <alignment horizontal="right" vertical="center"/>
    </xf>
    <xf numFmtId="182" fontId="8" fillId="0" borderId="51" xfId="0" applyNumberFormat="1" applyFont="1" applyFill="1" applyBorder="1" applyAlignment="1">
      <alignment horizontal="right" vertical="center"/>
    </xf>
    <xf numFmtId="180" fontId="8" fillId="0" borderId="21" xfId="0" applyNumberFormat="1" applyFont="1" applyFill="1" applyBorder="1" applyAlignment="1">
      <alignment horizontal="distributed" vertical="center" wrapText="1"/>
    </xf>
    <xf numFmtId="180" fontId="8" fillId="0" borderId="83" xfId="0" applyNumberFormat="1" applyFont="1" applyFill="1" applyBorder="1" applyAlignment="1">
      <alignment horizontal="right" vertical="center"/>
    </xf>
    <xf numFmtId="180" fontId="8" fillId="0" borderId="8" xfId="0" applyNumberFormat="1" applyFont="1" applyFill="1" applyBorder="1" applyAlignment="1">
      <alignment horizontal="distributed" vertical="center" wrapText="1"/>
    </xf>
    <xf numFmtId="182" fontId="8" fillId="0" borderId="42" xfId="0" applyNumberFormat="1" applyFont="1" applyFill="1" applyBorder="1" applyAlignment="1">
      <alignment horizontal="right" vertical="center" shrinkToFit="1"/>
    </xf>
    <xf numFmtId="180" fontId="8" fillId="0" borderId="73" xfId="0" applyNumberFormat="1" applyFont="1" applyFill="1" applyBorder="1" applyAlignment="1">
      <alignment horizontal="right" vertical="center"/>
    </xf>
    <xf numFmtId="180" fontId="8" fillId="0" borderId="84" xfId="0" applyNumberFormat="1" applyFont="1" applyFill="1" applyBorder="1" applyAlignment="1">
      <alignment horizontal="distributed" vertical="center"/>
    </xf>
    <xf numFmtId="176" fontId="8" fillId="0" borderId="85" xfId="0" applyNumberFormat="1" applyFont="1" applyFill="1" applyBorder="1" applyAlignment="1">
      <alignment horizontal="right" vertical="center"/>
    </xf>
    <xf numFmtId="180" fontId="8" fillId="0" borderId="85" xfId="0" applyNumberFormat="1" applyFont="1" applyFill="1" applyBorder="1" applyAlignment="1">
      <alignment horizontal="right" vertical="center"/>
    </xf>
    <xf numFmtId="182" fontId="8" fillId="0" borderId="86" xfId="0" applyNumberFormat="1" applyFont="1" applyFill="1" applyBorder="1" applyAlignment="1">
      <alignment horizontal="right" vertical="center"/>
    </xf>
    <xf numFmtId="180" fontId="8" fillId="0" borderId="85" xfId="0" applyNumberFormat="1" applyFont="1" applyFill="1" applyBorder="1" applyAlignment="1">
      <alignment vertical="center" shrinkToFit="1"/>
    </xf>
    <xf numFmtId="182" fontId="8" fillId="0" borderId="87" xfId="0" applyNumberFormat="1" applyFont="1" applyFill="1" applyBorder="1" applyAlignment="1">
      <alignment horizontal="right" vertical="center"/>
    </xf>
    <xf numFmtId="180" fontId="8" fillId="0" borderId="88" xfId="0" applyNumberFormat="1" applyFont="1" applyFill="1" applyBorder="1" applyAlignment="1">
      <alignment vertical="center"/>
    </xf>
    <xf numFmtId="180" fontId="8" fillId="0" borderId="85" xfId="0" applyNumberFormat="1" applyFont="1" applyFill="1" applyBorder="1" applyAlignment="1">
      <alignment vertical="center"/>
    </xf>
    <xf numFmtId="182" fontId="8" fillId="0" borderId="85" xfId="0" applyNumberFormat="1" applyFont="1" applyFill="1" applyBorder="1" applyAlignment="1">
      <alignment horizontal="right" vertical="center"/>
    </xf>
    <xf numFmtId="180" fontId="8" fillId="0" borderId="87" xfId="0" applyNumberFormat="1" applyFont="1" applyFill="1" applyBorder="1" applyAlignment="1">
      <alignment vertical="center"/>
    </xf>
    <xf numFmtId="182" fontId="8" fillId="0" borderId="89" xfId="0" applyNumberFormat="1" applyFont="1" applyFill="1" applyBorder="1" applyAlignment="1">
      <alignment horizontal="right" vertical="center"/>
    </xf>
    <xf numFmtId="180" fontId="8" fillId="0" borderId="90" xfId="0" applyNumberFormat="1" applyFont="1" applyFill="1" applyBorder="1" applyAlignment="1">
      <alignment vertical="center"/>
    </xf>
    <xf numFmtId="0" fontId="6" fillId="0" borderId="91" xfId="0" applyFont="1" applyFill="1" applyBorder="1" applyAlignment="1">
      <alignment horizontal="center" vertical="center" shrinkToFit="1"/>
    </xf>
    <xf numFmtId="176" fontId="8" fillId="0" borderId="92" xfId="0" applyNumberFormat="1" applyFont="1" applyFill="1" applyBorder="1" applyAlignment="1">
      <alignment horizontal="right" vertical="center"/>
    </xf>
    <xf numFmtId="180" fontId="8" fillId="0" borderId="92" xfId="0" applyNumberFormat="1" applyFont="1" applyFill="1" applyBorder="1" applyAlignment="1">
      <alignment horizontal="right" vertical="center"/>
    </xf>
    <xf numFmtId="183" fontId="8" fillId="0" borderId="93" xfId="0" applyNumberFormat="1" applyFont="1" applyFill="1" applyBorder="1" applyAlignment="1">
      <alignment horizontal="right" vertical="center"/>
    </xf>
    <xf numFmtId="180" fontId="8" fillId="0" borderId="94" xfId="0" applyNumberFormat="1" applyFont="1" applyFill="1" applyBorder="1" applyAlignment="1">
      <alignment horizontal="right" vertical="center" shrinkToFit="1"/>
    </xf>
    <xf numFmtId="182" fontId="8" fillId="0" borderId="95" xfId="0" applyNumberFormat="1" applyFont="1" applyFill="1" applyBorder="1" applyAlignment="1">
      <alignment horizontal="right" vertical="center"/>
    </xf>
    <xf numFmtId="184" fontId="8" fillId="0" borderId="92" xfId="0" applyNumberFormat="1" applyFont="1" applyFill="1" applyBorder="1" applyAlignment="1">
      <alignment horizontal="right" vertical="center"/>
    </xf>
    <xf numFmtId="180" fontId="8" fillId="0" borderId="95" xfId="0" applyNumberFormat="1" applyFont="1" applyFill="1" applyBorder="1" applyAlignment="1">
      <alignment horizontal="right" vertical="center" shrinkToFit="1"/>
    </xf>
    <xf numFmtId="182" fontId="8" fillId="0" borderId="96" xfId="0" applyNumberFormat="1" applyFont="1" applyFill="1" applyBorder="1" applyAlignment="1">
      <alignment horizontal="right" vertical="center"/>
    </xf>
    <xf numFmtId="180" fontId="8" fillId="0" borderId="97" xfId="0" applyNumberFormat="1" applyFont="1" applyFill="1" applyBorder="1" applyAlignment="1">
      <alignment horizontal="right" vertical="center"/>
    </xf>
    <xf numFmtId="180" fontId="8" fillId="0" borderId="13" xfId="0" applyNumberFormat="1" applyFont="1" applyFill="1" applyBorder="1" applyAlignment="1">
      <alignment horizontal="center" vertical="center"/>
    </xf>
    <xf numFmtId="180" fontId="8" fillId="0" borderId="15" xfId="0" applyNumberFormat="1" applyFont="1" applyFill="1" applyBorder="1" applyAlignment="1">
      <alignment horizontal="right" vertical="center" shrinkToFit="1"/>
    </xf>
    <xf numFmtId="180" fontId="8" fillId="0" borderId="15" xfId="0" applyNumberFormat="1" applyFont="1" applyFill="1" applyBorder="1" applyAlignment="1">
      <alignment horizontal="distributed" vertical="center"/>
    </xf>
    <xf numFmtId="184" fontId="8" fillId="0" borderId="18" xfId="0" applyNumberFormat="1" applyFont="1" applyFill="1" applyBorder="1" applyAlignment="1">
      <alignment horizontal="right" vertical="center"/>
    </xf>
    <xf numFmtId="180" fontId="8" fillId="0" borderId="15" xfId="0" applyNumberFormat="1" applyFont="1" applyFill="1" applyBorder="1" applyAlignment="1">
      <alignment vertical="center" shrinkToFit="1"/>
    </xf>
    <xf numFmtId="183" fontId="8" fillId="0" borderId="58" xfId="0" applyNumberFormat="1" applyFont="1" applyFill="1" applyBorder="1" applyAlignment="1">
      <alignment vertical="center"/>
    </xf>
    <xf numFmtId="180" fontId="8" fillId="0" borderId="17" xfId="0" applyNumberFormat="1" applyFont="1" applyFill="1" applyBorder="1" applyAlignment="1">
      <alignment vertical="center"/>
    </xf>
    <xf numFmtId="184" fontId="8" fillId="0" borderId="58" xfId="0" applyNumberFormat="1" applyFont="1" applyFill="1" applyBorder="1" applyAlignment="1">
      <alignment vertical="center"/>
    </xf>
    <xf numFmtId="184" fontId="8" fillId="0" borderId="16" xfId="0" applyNumberFormat="1" applyFont="1" applyFill="1" applyBorder="1" applyAlignment="1">
      <alignment vertical="center"/>
    </xf>
    <xf numFmtId="180" fontId="8" fillId="0" borderId="79" xfId="0" applyNumberFormat="1" applyFont="1" applyFill="1" applyBorder="1" applyAlignment="1">
      <alignment vertical="center"/>
    </xf>
    <xf numFmtId="184" fontId="8" fillId="0" borderId="81" xfId="0" applyNumberFormat="1" applyFont="1" applyFill="1" applyBorder="1" applyAlignment="1">
      <alignment vertical="center"/>
    </xf>
    <xf numFmtId="180" fontId="8" fillId="0" borderId="14" xfId="0" applyNumberFormat="1" applyFont="1" applyFill="1" applyBorder="1" applyAlignment="1">
      <alignment vertical="center"/>
    </xf>
    <xf numFmtId="184" fontId="8" fillId="0" borderId="60" xfId="0" applyNumberFormat="1" applyFont="1" applyFill="1" applyBorder="1" applyAlignment="1">
      <alignment vertical="center"/>
    </xf>
    <xf numFmtId="180" fontId="14" fillId="0" borderId="0" xfId="0" applyNumberFormat="1" applyFont="1" applyFill="1" applyBorder="1" applyAlignment="1">
      <alignment horizontal="distributed" vertical="center"/>
    </xf>
    <xf numFmtId="176" fontId="14" fillId="0" borderId="0" xfId="0" applyNumberFormat="1" applyFont="1" applyFill="1" applyBorder="1" applyAlignment="1">
      <alignment horizontal="distributed" vertical="center"/>
    </xf>
    <xf numFmtId="180" fontId="14" fillId="0" borderId="0" xfId="0" applyNumberFormat="1" applyFont="1" applyFill="1" applyAlignment="1">
      <alignment horizontal="distributed" vertical="center"/>
    </xf>
    <xf numFmtId="176" fontId="14" fillId="0" borderId="0" xfId="0" applyNumberFormat="1" applyFont="1" applyFill="1" applyAlignment="1">
      <alignment horizontal="distributed" vertical="center"/>
    </xf>
    <xf numFmtId="181" fontId="14" fillId="0" borderId="0" xfId="0" applyNumberFormat="1" applyFont="1" applyFill="1" applyAlignment="1">
      <alignment horizontal="distributed" vertical="center"/>
    </xf>
    <xf numFmtId="180" fontId="6" fillId="0" borderId="0" xfId="0" applyNumberFormat="1" applyFont="1" applyFill="1" applyBorder="1" applyAlignment="1">
      <alignment vertical="top"/>
    </xf>
    <xf numFmtId="180" fontId="6" fillId="0" borderId="0" xfId="0" applyNumberFormat="1" applyFont="1" applyFill="1" applyAlignment="1">
      <alignment vertical="top"/>
    </xf>
    <xf numFmtId="180" fontId="8" fillId="0" borderId="17" xfId="0" applyNumberFormat="1" applyFont="1" applyFill="1" applyBorder="1" applyAlignment="1">
      <alignment vertical="top"/>
    </xf>
    <xf numFmtId="180" fontId="8" fillId="0" borderId="17" xfId="0" applyNumberFormat="1" applyFont="1" applyFill="1" applyBorder="1" applyAlignment="1">
      <alignment horizontal="right" vertical="top"/>
    </xf>
    <xf numFmtId="180" fontId="8" fillId="0" borderId="0" xfId="0" applyNumberFormat="1" applyFont="1" applyFill="1" applyAlignment="1">
      <alignment horizontal="center" vertical="center"/>
    </xf>
    <xf numFmtId="180" fontId="8" fillId="0" borderId="11" xfId="0" applyNumberFormat="1" applyFont="1" applyFill="1" applyBorder="1" applyAlignment="1">
      <alignment horizontal="center" vertical="center"/>
    </xf>
    <xf numFmtId="180" fontId="8" fillId="0" borderId="58" xfId="0" applyNumberFormat="1" applyFont="1" applyFill="1" applyBorder="1" applyAlignment="1">
      <alignment horizontal="center" vertical="center" shrinkToFit="1"/>
    </xf>
    <xf numFmtId="180" fontId="8" fillId="0" borderId="17" xfId="0" applyNumberFormat="1" applyFont="1" applyFill="1" applyBorder="1" applyAlignment="1">
      <alignment horizontal="center" vertical="center" shrinkToFit="1"/>
    </xf>
    <xf numFmtId="180" fontId="8" fillId="0" borderId="71" xfId="0" applyNumberFormat="1" applyFont="1" applyFill="1" applyBorder="1" applyAlignment="1">
      <alignment horizontal="center" vertical="center" shrinkToFit="1"/>
    </xf>
    <xf numFmtId="180" fontId="10" fillId="0" borderId="34" xfId="0" applyNumberFormat="1" applyFont="1" applyFill="1" applyBorder="1" applyAlignment="1">
      <alignment horizontal="distributed" vertical="center"/>
    </xf>
    <xf numFmtId="180" fontId="8" fillId="0" borderId="9" xfId="0" applyNumberFormat="1" applyFont="1" applyFill="1" applyBorder="1" applyAlignment="1">
      <alignment horizontal="right" vertical="center"/>
    </xf>
    <xf numFmtId="180" fontId="8" fillId="0" borderId="49" xfId="0" applyNumberFormat="1" applyFont="1" applyFill="1" applyBorder="1" applyAlignment="1">
      <alignment horizontal="right" vertical="center"/>
    </xf>
    <xf numFmtId="180" fontId="8" fillId="0" borderId="62" xfId="0" applyNumberFormat="1" applyFont="1" applyFill="1" applyBorder="1" applyAlignment="1">
      <alignment horizontal="right" vertical="center"/>
    </xf>
    <xf numFmtId="180" fontId="8" fillId="0" borderId="61" xfId="0" applyNumberFormat="1" applyFont="1" applyFill="1" applyBorder="1" applyAlignment="1">
      <alignment horizontal="right" vertical="center"/>
    </xf>
    <xf numFmtId="180" fontId="8" fillId="0" borderId="51" xfId="0" applyNumberFormat="1" applyFont="1" applyFill="1" applyBorder="1" applyAlignment="1">
      <alignment horizontal="right" vertical="center"/>
    </xf>
    <xf numFmtId="180" fontId="8" fillId="0" borderId="44" xfId="0" applyNumberFormat="1" applyFont="1" applyFill="1" applyBorder="1" applyAlignment="1">
      <alignment horizontal="right" vertical="center"/>
    </xf>
    <xf numFmtId="180" fontId="8" fillId="0" borderId="19" xfId="0" applyNumberFormat="1" applyFont="1" applyFill="1" applyBorder="1" applyAlignment="1">
      <alignment horizontal="right" vertical="center"/>
    </xf>
    <xf numFmtId="180" fontId="6" fillId="0" borderId="0" xfId="0" applyNumberFormat="1" applyFont="1" applyFill="1" applyAlignment="1">
      <alignment vertical="center"/>
    </xf>
    <xf numFmtId="180" fontId="10" fillId="0" borderId="22" xfId="0" applyNumberFormat="1" applyFont="1" applyFill="1" applyBorder="1" applyAlignment="1">
      <alignment horizontal="distributed" vertical="center"/>
    </xf>
    <xf numFmtId="180" fontId="8" fillId="0" borderId="70" xfId="0" applyNumberFormat="1" applyFont="1" applyFill="1" applyBorder="1" applyAlignment="1">
      <alignment horizontal="right" vertical="center"/>
    </xf>
    <xf numFmtId="180" fontId="8" fillId="0" borderId="23" xfId="0" applyNumberFormat="1" applyFont="1" applyFill="1" applyBorder="1" applyAlignment="1">
      <alignment horizontal="right" vertical="center"/>
    </xf>
    <xf numFmtId="180" fontId="8" fillId="0" borderId="26" xfId="0" applyNumberFormat="1" applyFont="1" applyFill="1" applyBorder="1" applyAlignment="1">
      <alignment horizontal="right" vertical="center"/>
    </xf>
    <xf numFmtId="180" fontId="8" fillId="0" borderId="21" xfId="0" applyNumberFormat="1" applyFont="1" applyFill="1" applyBorder="1" applyAlignment="1">
      <alignment horizontal="right" vertical="center"/>
    </xf>
    <xf numFmtId="180" fontId="10" fillId="0" borderId="28" xfId="0" applyNumberFormat="1" applyFont="1" applyFill="1" applyBorder="1" applyAlignment="1">
      <alignment horizontal="distributed" vertical="center"/>
    </xf>
    <xf numFmtId="180" fontId="8" fillId="0" borderId="98" xfId="0" applyNumberFormat="1" applyFont="1" applyFill="1" applyBorder="1" applyAlignment="1">
      <alignment horizontal="right" vertical="center"/>
    </xf>
    <xf numFmtId="180" fontId="8" fillId="0" borderId="30" xfId="0" applyNumberFormat="1" applyFont="1" applyFill="1" applyBorder="1" applyAlignment="1">
      <alignment horizontal="right" vertical="center"/>
    </xf>
    <xf numFmtId="180" fontId="8" fillId="0" borderId="66" xfId="0" applyNumberFormat="1" applyFont="1" applyFill="1" applyBorder="1" applyAlignment="1">
      <alignment horizontal="right" vertical="center"/>
    </xf>
    <xf numFmtId="180" fontId="8" fillId="0" borderId="29" xfId="0" applyNumberFormat="1" applyFont="1" applyFill="1" applyBorder="1" applyAlignment="1">
      <alignment horizontal="right" vertical="center"/>
    </xf>
    <xf numFmtId="180" fontId="8" fillId="0" borderId="32" xfId="0" applyNumberFormat="1" applyFont="1" applyFill="1" applyBorder="1" applyAlignment="1">
      <alignment horizontal="right" vertical="center"/>
    </xf>
    <xf numFmtId="180" fontId="8" fillId="0" borderId="27" xfId="0" applyNumberFormat="1" applyFont="1" applyFill="1" applyBorder="1" applyAlignment="1">
      <alignment horizontal="right" vertical="center"/>
    </xf>
    <xf numFmtId="180" fontId="10" fillId="0" borderId="19" xfId="0" applyNumberFormat="1" applyFont="1" applyFill="1" applyBorder="1" applyAlignment="1">
      <alignment horizontal="distributed" vertical="center"/>
    </xf>
    <xf numFmtId="180" fontId="8" fillId="0" borderId="6" xfId="0" applyNumberFormat="1" applyFont="1" applyFill="1" applyBorder="1" applyAlignment="1">
      <alignment horizontal="right" vertical="center"/>
    </xf>
    <xf numFmtId="180" fontId="8" fillId="0" borderId="47" xfId="0" applyNumberFormat="1" applyFont="1" applyFill="1" applyBorder="1" applyAlignment="1">
      <alignment horizontal="right" vertical="center"/>
    </xf>
    <xf numFmtId="180" fontId="8" fillId="0" borderId="99" xfId="0" applyNumberFormat="1" applyFont="1" applyFill="1" applyBorder="1" applyAlignment="1">
      <alignment horizontal="right" vertical="center"/>
    </xf>
    <xf numFmtId="180" fontId="8" fillId="0" borderId="68" xfId="0" applyNumberFormat="1" applyFont="1" applyFill="1" applyBorder="1" applyAlignment="1">
      <alignment horizontal="right" vertical="center"/>
    </xf>
    <xf numFmtId="180" fontId="8" fillId="0" borderId="33" xfId="0" applyNumberFormat="1" applyFont="1" applyFill="1" applyBorder="1" applyAlignment="1">
      <alignment horizontal="right" vertical="center"/>
    </xf>
    <xf numFmtId="180" fontId="10" fillId="0" borderId="21" xfId="0" applyNumberFormat="1" applyFont="1" applyFill="1" applyBorder="1" applyAlignment="1">
      <alignment horizontal="distributed" vertical="center"/>
    </xf>
    <xf numFmtId="180" fontId="10" fillId="0" borderId="27" xfId="0" applyNumberFormat="1" applyFont="1" applyFill="1" applyBorder="1" applyAlignment="1">
      <alignment horizontal="distributed" vertical="center"/>
    </xf>
    <xf numFmtId="180" fontId="10" fillId="0" borderId="36" xfId="0" applyNumberFormat="1" applyFont="1" applyFill="1" applyBorder="1" applyAlignment="1">
      <alignment horizontal="distributed" vertical="center"/>
    </xf>
    <xf numFmtId="180" fontId="10" fillId="0" borderId="37" xfId="0" applyNumberFormat="1" applyFont="1" applyFill="1" applyBorder="1" applyAlignment="1">
      <alignment horizontal="center" vertical="center"/>
    </xf>
    <xf numFmtId="180" fontId="8" fillId="0" borderId="10" xfId="0" applyNumberFormat="1" applyFont="1" applyFill="1" applyBorder="1" applyAlignment="1">
      <alignment horizontal="right" vertical="center"/>
    </xf>
    <xf numFmtId="180" fontId="8" fillId="0" borderId="41" xfId="0" applyNumberFormat="1" applyFont="1" applyFill="1" applyBorder="1" applyAlignment="1">
      <alignment horizontal="right" vertical="center"/>
    </xf>
    <xf numFmtId="180" fontId="10" fillId="0" borderId="2" xfId="0" applyNumberFormat="1" applyFont="1" applyFill="1" applyBorder="1" applyAlignment="1">
      <alignment horizontal="center" vertical="center"/>
    </xf>
    <xf numFmtId="180" fontId="8" fillId="0" borderId="100" xfId="0" applyNumberFormat="1" applyFont="1" applyFill="1" applyBorder="1" applyAlignment="1">
      <alignment horizontal="right" vertical="center"/>
    </xf>
    <xf numFmtId="180" fontId="8" fillId="0" borderId="54" xfId="0" applyNumberFormat="1" applyFont="1" applyFill="1" applyBorder="1" applyAlignment="1">
      <alignment horizontal="right" vertical="center"/>
    </xf>
    <xf numFmtId="180" fontId="8" fillId="0" borderId="36" xfId="0" applyNumberFormat="1" applyFont="1" applyFill="1" applyBorder="1" applyAlignment="1">
      <alignment horizontal="right" vertical="center"/>
    </xf>
    <xf numFmtId="180" fontId="10" fillId="0" borderId="75" xfId="0" applyNumberFormat="1" applyFont="1" applyFill="1" applyBorder="1" applyAlignment="1">
      <alignment horizontal="center" vertical="center"/>
    </xf>
    <xf numFmtId="180" fontId="8" fillId="0" borderId="79" xfId="0" applyNumberFormat="1" applyFont="1" applyFill="1" applyBorder="1" applyAlignment="1">
      <alignment horizontal="right" vertical="center" shrinkToFit="1"/>
    </xf>
    <xf numFmtId="180" fontId="8" fillId="0" borderId="101" xfId="0" applyNumberFormat="1" applyFont="1" applyFill="1" applyBorder="1" applyAlignment="1">
      <alignment horizontal="right" vertical="center" shrinkToFit="1"/>
    </xf>
    <xf numFmtId="180" fontId="8" fillId="0" borderId="81" xfId="0" applyNumberFormat="1" applyFont="1" applyFill="1" applyBorder="1" applyAlignment="1">
      <alignment horizontal="right" vertical="center" shrinkToFit="1"/>
    </xf>
    <xf numFmtId="180" fontId="8" fillId="0" borderId="78" xfId="0" applyNumberFormat="1" applyFont="1" applyFill="1" applyBorder="1" applyAlignment="1">
      <alignment horizontal="right" vertical="center" shrinkToFit="1"/>
    </xf>
    <xf numFmtId="180" fontId="8" fillId="0" borderId="75" xfId="0" applyNumberFormat="1" applyFont="1" applyFill="1" applyBorder="1" applyAlignment="1">
      <alignment horizontal="right" vertical="center" shrinkToFit="1"/>
    </xf>
    <xf numFmtId="180" fontId="8" fillId="0" borderId="4" xfId="0" applyNumberFormat="1" applyFont="1" applyFill="1" applyBorder="1" applyAlignment="1">
      <alignment horizontal="right" vertical="center"/>
    </xf>
    <xf numFmtId="180" fontId="8" fillId="0" borderId="57" xfId="0" applyNumberFormat="1" applyFont="1" applyFill="1" applyBorder="1" applyAlignment="1">
      <alignment horizontal="right" vertical="center"/>
    </xf>
    <xf numFmtId="180" fontId="8" fillId="0" borderId="37" xfId="0" applyNumberFormat="1" applyFont="1" applyFill="1" applyBorder="1" applyAlignment="1">
      <alignment horizontal="center" vertical="center"/>
    </xf>
    <xf numFmtId="180" fontId="8" fillId="0" borderId="15" xfId="0" applyNumberFormat="1" applyFont="1" applyFill="1" applyBorder="1" applyAlignment="1">
      <alignment horizontal="right" vertical="center"/>
    </xf>
    <xf numFmtId="180" fontId="8" fillId="0" borderId="58" xfId="0" applyNumberFormat="1" applyFont="1" applyFill="1" applyBorder="1" applyAlignment="1">
      <alignment horizontal="right" vertical="center"/>
    </xf>
    <xf numFmtId="180" fontId="8" fillId="0" borderId="60" xfId="0" applyNumberFormat="1" applyFont="1" applyFill="1" applyBorder="1" applyAlignment="1">
      <alignment horizontal="right" vertical="center"/>
    </xf>
    <xf numFmtId="0" fontId="8" fillId="0" borderId="37" xfId="0" applyFont="1" applyFill="1" applyBorder="1" applyAlignment="1">
      <alignment horizontal="distributed" vertical="center"/>
    </xf>
    <xf numFmtId="180" fontId="8" fillId="0" borderId="74" xfId="0" applyNumberFormat="1" applyFont="1" applyFill="1" applyBorder="1" applyAlignment="1">
      <alignment horizontal="right" vertical="center"/>
    </xf>
    <xf numFmtId="180" fontId="8" fillId="0" borderId="13" xfId="0" applyNumberFormat="1" applyFont="1" applyFill="1" applyBorder="1" applyAlignment="1">
      <alignment horizontal="right" vertical="center"/>
    </xf>
    <xf numFmtId="180" fontId="8" fillId="0" borderId="0" xfId="0" applyNumberFormat="1" applyFont="1" applyFill="1" applyAlignment="1">
      <alignment horizontal="distributed" vertical="center"/>
    </xf>
    <xf numFmtId="180" fontId="6" fillId="0" borderId="0" xfId="0" applyNumberFormat="1" applyFont="1" applyFill="1" applyAlignment="1" applyProtection="1">
      <alignment horizontal="distributed" vertical="center"/>
      <protection locked="0"/>
    </xf>
    <xf numFmtId="180" fontId="6" fillId="0" borderId="0" xfId="0" applyNumberFormat="1" applyFont="1" applyFill="1" applyAlignment="1">
      <alignment horizontal="distributed" vertical="center"/>
    </xf>
    <xf numFmtId="180" fontId="8" fillId="0" borderId="49" xfId="0" applyNumberFormat="1" applyFont="1" applyFill="1" applyBorder="1" applyAlignment="1">
      <alignment horizontal="center" vertical="center" shrinkToFit="1"/>
    </xf>
    <xf numFmtId="180" fontId="8" fillId="0" borderId="11" xfId="0" applyNumberFormat="1" applyFont="1" applyFill="1" applyBorder="1" applyAlignment="1">
      <alignment horizontal="center" vertical="center" shrinkToFit="1"/>
    </xf>
    <xf numFmtId="180" fontId="8" fillId="0" borderId="53" xfId="0" applyNumberFormat="1" applyFont="1" applyFill="1" applyBorder="1" applyAlignment="1">
      <alignment horizontal="center" vertical="center" shrinkToFit="1"/>
    </xf>
    <xf numFmtId="180" fontId="8" fillId="0" borderId="102" xfId="0" applyNumberFormat="1" applyFont="1" applyFill="1" applyBorder="1" applyAlignment="1">
      <alignment horizontal="right" vertical="center"/>
    </xf>
    <xf numFmtId="180" fontId="8" fillId="0" borderId="20" xfId="0" applyNumberFormat="1" applyFont="1" applyFill="1" applyBorder="1" applyAlignment="1">
      <alignment horizontal="right" vertical="center"/>
    </xf>
    <xf numFmtId="180" fontId="8" fillId="0" borderId="52" xfId="0" applyNumberFormat="1" applyFont="1" applyFill="1" applyBorder="1" applyAlignment="1">
      <alignment horizontal="right" vertical="center"/>
    </xf>
    <xf numFmtId="180" fontId="8" fillId="0" borderId="103" xfId="0" applyNumberFormat="1" applyFont="1" applyFill="1" applyBorder="1" applyAlignment="1">
      <alignment horizontal="right" vertical="center"/>
    </xf>
    <xf numFmtId="180" fontId="8" fillId="0" borderId="16" xfId="0" applyNumberFormat="1" applyFont="1" applyFill="1" applyBorder="1" applyAlignment="1">
      <alignment horizontal="right" vertical="center"/>
    </xf>
    <xf numFmtId="180" fontId="8" fillId="0" borderId="45" xfId="0" applyNumberFormat="1" applyFont="1" applyFill="1" applyBorder="1" applyAlignment="1">
      <alignment horizontal="right" vertical="center"/>
    </xf>
    <xf numFmtId="180" fontId="8" fillId="0" borderId="2" xfId="0" applyNumberFormat="1" applyFont="1" applyFill="1" applyBorder="1" applyAlignment="1">
      <alignment horizontal="right" vertical="center"/>
    </xf>
    <xf numFmtId="180" fontId="8" fillId="0" borderId="82" xfId="0" applyNumberFormat="1" applyFont="1" applyFill="1" applyBorder="1" applyAlignment="1">
      <alignment horizontal="right" vertical="center" shrinkToFit="1"/>
    </xf>
    <xf numFmtId="180" fontId="8" fillId="0" borderId="11" xfId="0" applyNumberFormat="1" applyFont="1" applyFill="1" applyBorder="1" applyAlignment="1">
      <alignment horizontal="right" vertical="center"/>
    </xf>
    <xf numFmtId="180" fontId="3" fillId="0" borderId="0" xfId="0" applyNumberFormat="1" applyFont="1" applyFill="1" applyAlignment="1">
      <alignment horizontal="left" vertical="top"/>
    </xf>
    <xf numFmtId="180" fontId="21" fillId="0" borderId="0" xfId="0" applyNumberFormat="1" applyFont="1" applyFill="1" applyAlignment="1">
      <alignment vertical="top"/>
    </xf>
    <xf numFmtId="180" fontId="8" fillId="0" borderId="0" xfId="0" applyNumberFormat="1" applyFont="1" applyFill="1" applyBorder="1" applyAlignment="1">
      <alignment vertical="top"/>
    </xf>
    <xf numFmtId="180" fontId="8" fillId="0" borderId="0" xfId="0" applyNumberFormat="1" applyFont="1" applyFill="1" applyAlignment="1">
      <alignment vertical="top"/>
    </xf>
    <xf numFmtId="180" fontId="8" fillId="0" borderId="6" xfId="0" applyNumberFormat="1" applyFont="1" applyFill="1" applyBorder="1" applyAlignment="1">
      <alignment horizontal="center"/>
    </xf>
    <xf numFmtId="180" fontId="6" fillId="0" borderId="40" xfId="0" applyNumberFormat="1" applyFont="1" applyFill="1" applyBorder="1" applyAlignment="1">
      <alignment horizontal="distributed" vertical="center"/>
    </xf>
    <xf numFmtId="180" fontId="8" fillId="0" borderId="40" xfId="0" applyNumberFormat="1" applyFont="1" applyFill="1" applyBorder="1" applyAlignment="1">
      <alignment horizontal="distributed" vertical="center"/>
    </xf>
    <xf numFmtId="180" fontId="8" fillId="0" borderId="41" xfId="0" applyNumberFormat="1" applyFont="1" applyFill="1" applyBorder="1" applyAlignment="1">
      <alignment horizontal="distributed" vertical="center"/>
    </xf>
    <xf numFmtId="180" fontId="8" fillId="0" borderId="2" xfId="0" applyNumberFormat="1" applyFont="1" applyFill="1" applyBorder="1" applyAlignment="1">
      <alignment horizontal="center" vertical="center"/>
    </xf>
    <xf numFmtId="180" fontId="8" fillId="0" borderId="63" xfId="0" applyNumberFormat="1" applyFont="1" applyFill="1" applyBorder="1" applyAlignment="1">
      <alignment horizontal="center" vertical="center"/>
    </xf>
    <xf numFmtId="180" fontId="8" fillId="0" borderId="33" xfId="0" applyNumberFormat="1" applyFont="1" applyFill="1" applyBorder="1" applyAlignment="1">
      <alignment horizontal="center" vertical="center"/>
    </xf>
    <xf numFmtId="180" fontId="8" fillId="0" borderId="3" xfId="0" applyNumberFormat="1" applyFont="1" applyFill="1" applyBorder="1" applyAlignment="1">
      <alignment horizontal="center" vertical="center"/>
    </xf>
    <xf numFmtId="180" fontId="8" fillId="0" borderId="8" xfId="0" applyNumberFormat="1" applyFont="1" applyFill="1" applyBorder="1" applyAlignment="1">
      <alignment horizontal="center" vertical="center"/>
    </xf>
    <xf numFmtId="180" fontId="8" fillId="0" borderId="9" xfId="0" applyNumberFormat="1" applyFont="1" applyFill="1" applyBorder="1" applyAlignment="1">
      <alignment horizontal="center" vertical="center"/>
    </xf>
    <xf numFmtId="180" fontId="8" fillId="0" borderId="49" xfId="0" applyNumberFormat="1" applyFont="1" applyFill="1" applyBorder="1" applyAlignment="1">
      <alignment horizontal="center" vertical="center" wrapText="1" shrinkToFit="1"/>
    </xf>
    <xf numFmtId="180" fontId="8" fillId="0" borderId="53" xfId="0" applyNumberFormat="1" applyFont="1" applyFill="1" applyBorder="1" applyAlignment="1">
      <alignment horizontal="center" vertical="center"/>
    </xf>
    <xf numFmtId="180" fontId="8" fillId="0" borderId="71" xfId="0" applyNumberFormat="1" applyFont="1" applyFill="1" applyBorder="1" applyAlignment="1">
      <alignment horizontal="center" vertical="center"/>
    </xf>
    <xf numFmtId="180" fontId="8" fillId="0" borderId="52" xfId="0" applyNumberFormat="1" applyFont="1" applyFill="1" applyBorder="1" applyAlignment="1">
      <alignment horizontal="left" vertical="center" wrapText="1" shrinkToFit="1"/>
    </xf>
    <xf numFmtId="180" fontId="8" fillId="0" borderId="66" xfId="0" applyNumberFormat="1" applyFont="1" applyFill="1" applyBorder="1" applyAlignment="1">
      <alignment horizontal="left" vertical="center" wrapText="1" shrinkToFit="1"/>
    </xf>
    <xf numFmtId="180" fontId="8" fillId="0" borderId="14" xfId="0" applyNumberFormat="1" applyFont="1" applyFill="1" applyBorder="1" applyAlignment="1">
      <alignment horizontal="center" vertical="center"/>
    </xf>
    <xf numFmtId="180" fontId="8" fillId="0" borderId="58" xfId="0" applyNumberFormat="1" applyFont="1" applyFill="1" applyBorder="1" applyAlignment="1">
      <alignment horizontal="center" vertical="center" wrapText="1" shrinkToFit="1"/>
    </xf>
    <xf numFmtId="180" fontId="8" fillId="0" borderId="17" xfId="0" applyNumberFormat="1" applyFont="1" applyFill="1" applyBorder="1" applyAlignment="1">
      <alignment horizontal="center" vertical="center"/>
    </xf>
    <xf numFmtId="180" fontId="8" fillId="0" borderId="98" xfId="0" applyNumberFormat="1" applyFont="1" applyFill="1" applyBorder="1" applyAlignment="1">
      <alignment horizontal="left" vertical="center" wrapText="1" shrinkToFit="1"/>
    </xf>
    <xf numFmtId="180" fontId="8" fillId="0" borderId="63" xfId="0" applyNumberFormat="1" applyFont="1" applyFill="1" applyBorder="1" applyAlignment="1">
      <alignment horizontal="distributed" vertical="center"/>
    </xf>
    <xf numFmtId="184" fontId="8" fillId="0" borderId="69" xfId="0" applyNumberFormat="1" applyFont="1" applyFill="1" applyBorder="1" applyAlignment="1">
      <alignment horizontal="right" vertical="center"/>
    </xf>
    <xf numFmtId="184" fontId="8" fillId="0" borderId="67" xfId="0" applyNumberFormat="1" applyFont="1" applyFill="1" applyBorder="1" applyAlignment="1">
      <alignment horizontal="right" vertical="center"/>
    </xf>
    <xf numFmtId="180" fontId="8" fillId="0" borderId="20" xfId="0" applyNumberFormat="1" applyFont="1" applyFill="1" applyBorder="1" applyAlignment="1">
      <alignment vertical="center"/>
    </xf>
    <xf numFmtId="180" fontId="8" fillId="0" borderId="64" xfId="0" applyNumberFormat="1" applyFont="1" applyFill="1" applyBorder="1" applyAlignment="1">
      <alignment horizontal="right" vertical="center"/>
    </xf>
    <xf numFmtId="184" fontId="8" fillId="0" borderId="68" xfId="0" applyNumberFormat="1" applyFont="1" applyFill="1" applyBorder="1" applyAlignment="1">
      <alignment horizontal="right" vertical="center"/>
    </xf>
    <xf numFmtId="180" fontId="8" fillId="0" borderId="34" xfId="0" applyNumberFormat="1" applyFont="1" applyFill="1" applyBorder="1" applyAlignment="1">
      <alignment horizontal="distributed" vertical="center"/>
    </xf>
    <xf numFmtId="180" fontId="8" fillId="0" borderId="55" xfId="0" applyNumberFormat="1" applyFont="1" applyFill="1" applyBorder="1" applyAlignment="1">
      <alignment horizontal="right" vertical="center"/>
    </xf>
    <xf numFmtId="184" fontId="8" fillId="0" borderId="50" xfId="0" applyNumberFormat="1" applyFont="1" applyFill="1" applyBorder="1" applyAlignment="1">
      <alignment horizontal="right" vertical="center"/>
    </xf>
    <xf numFmtId="184" fontId="8" fillId="0" borderId="35" xfId="0" applyNumberFormat="1" applyFont="1" applyFill="1" applyBorder="1" applyAlignment="1">
      <alignment horizontal="right" vertical="center"/>
    </xf>
    <xf numFmtId="180" fontId="8" fillId="0" borderId="19" xfId="0" applyNumberFormat="1" applyFont="1" applyFill="1" applyBorder="1" applyAlignment="1">
      <alignment vertical="center"/>
    </xf>
    <xf numFmtId="184" fontId="8" fillId="0" borderId="49" xfId="0" applyNumberFormat="1" applyFont="1" applyFill="1" applyBorder="1" applyAlignment="1">
      <alignment horizontal="right" vertical="center"/>
    </xf>
    <xf numFmtId="184" fontId="8" fillId="0" borderId="62" xfId="0" applyNumberFormat="1" applyFont="1" applyFill="1" applyBorder="1" applyAlignment="1">
      <alignment horizontal="right" vertical="center"/>
    </xf>
    <xf numFmtId="180" fontId="8" fillId="0" borderId="22" xfId="0" applyNumberFormat="1" applyFont="1" applyFill="1" applyBorder="1" applyAlignment="1">
      <alignment horizontal="distributed" vertical="center"/>
    </xf>
    <xf numFmtId="184" fontId="8" fillId="0" borderId="1" xfId="0" applyNumberFormat="1" applyFont="1" applyFill="1" applyBorder="1" applyAlignment="1">
      <alignment horizontal="right" vertical="center"/>
    </xf>
    <xf numFmtId="184" fontId="8" fillId="0" borderId="24" xfId="0" applyNumberFormat="1" applyFont="1" applyFill="1" applyBorder="1" applyAlignment="1">
      <alignment horizontal="right" vertical="center"/>
    </xf>
    <xf numFmtId="180" fontId="8" fillId="0" borderId="21" xfId="0" applyNumberFormat="1" applyFont="1" applyFill="1" applyBorder="1" applyAlignment="1">
      <alignment vertical="center"/>
    </xf>
    <xf numFmtId="184" fontId="8" fillId="0" borderId="70" xfId="0" applyNumberFormat="1" applyFont="1" applyFill="1" applyBorder="1" applyAlignment="1">
      <alignment horizontal="right" vertical="center"/>
    </xf>
    <xf numFmtId="180" fontId="8" fillId="0" borderId="28" xfId="0" applyNumberFormat="1" applyFont="1" applyFill="1" applyBorder="1" applyAlignment="1">
      <alignment horizontal="distributed" vertical="center"/>
    </xf>
    <xf numFmtId="180" fontId="8" fillId="0" borderId="28" xfId="0" applyNumberFormat="1" applyFont="1" applyFill="1" applyBorder="1" applyAlignment="1">
      <alignment horizontal="right" vertical="center"/>
    </xf>
    <xf numFmtId="180" fontId="8" fillId="0" borderId="27" xfId="0" applyNumberFormat="1" applyFont="1" applyFill="1" applyBorder="1" applyAlignment="1">
      <alignment vertical="center"/>
    </xf>
    <xf numFmtId="184" fontId="8" fillId="0" borderId="71" xfId="0" applyNumberFormat="1" applyFont="1" applyFill="1" applyBorder="1" applyAlignment="1">
      <alignment horizontal="right" vertical="center"/>
    </xf>
    <xf numFmtId="184" fontId="8" fillId="0" borderId="66" xfId="0" applyNumberFormat="1" applyFont="1" applyFill="1" applyBorder="1" applyAlignment="1">
      <alignment horizontal="right" vertical="center"/>
    </xf>
    <xf numFmtId="184" fontId="8" fillId="0" borderId="46" xfId="0" applyNumberFormat="1" applyFont="1" applyFill="1" applyBorder="1" applyAlignment="1">
      <alignment horizontal="right" vertical="center"/>
    </xf>
    <xf numFmtId="184" fontId="8" fillId="0" borderId="47" xfId="0" applyNumberFormat="1" applyFont="1" applyFill="1" applyBorder="1" applyAlignment="1">
      <alignment horizontal="right" vertical="center"/>
    </xf>
    <xf numFmtId="184" fontId="8" fillId="0" borderId="5" xfId="0" applyNumberFormat="1" applyFont="1" applyFill="1" applyBorder="1" applyAlignment="1">
      <alignment horizontal="right" vertical="center"/>
    </xf>
    <xf numFmtId="180" fontId="8" fillId="0" borderId="48" xfId="0" applyNumberFormat="1" applyFont="1" applyFill="1" applyBorder="1" applyAlignment="1">
      <alignment horizontal="right" vertical="center"/>
    </xf>
    <xf numFmtId="180" fontId="8" fillId="0" borderId="2" xfId="0" applyNumberFormat="1" applyFont="1" applyFill="1" applyBorder="1" applyAlignment="1">
      <alignment vertical="center"/>
    </xf>
    <xf numFmtId="180" fontId="8" fillId="0" borderId="75" xfId="0" applyNumberFormat="1" applyFont="1" applyFill="1" applyBorder="1" applyAlignment="1">
      <alignment horizontal="center" vertical="center"/>
    </xf>
    <xf numFmtId="180" fontId="8" fillId="0" borderId="75" xfId="0" applyNumberFormat="1" applyFont="1" applyFill="1" applyBorder="1" applyAlignment="1">
      <alignment horizontal="right" vertical="center"/>
    </xf>
    <xf numFmtId="180" fontId="8" fillId="0" borderId="76" xfId="0" applyNumberFormat="1" applyFont="1" applyFill="1" applyBorder="1" applyAlignment="1">
      <alignment horizontal="right" vertical="center"/>
    </xf>
    <xf numFmtId="184" fontId="8" fillId="0" borderId="79" xfId="0" applyNumberFormat="1" applyFont="1" applyFill="1" applyBorder="1" applyAlignment="1">
      <alignment horizontal="right" vertical="center"/>
    </xf>
    <xf numFmtId="184" fontId="8" fillId="0" borderId="101" xfId="0" applyNumberFormat="1" applyFont="1" applyFill="1" applyBorder="1" applyAlignment="1">
      <alignment horizontal="right" vertical="center"/>
    </xf>
    <xf numFmtId="180" fontId="8" fillId="0" borderId="81" xfId="0" applyNumberFormat="1" applyFont="1" applyFill="1" applyBorder="1" applyAlignment="1">
      <alignment horizontal="right" vertical="center"/>
    </xf>
    <xf numFmtId="180" fontId="8" fillId="0" borderId="75" xfId="0" applyNumberFormat="1" applyFont="1" applyFill="1" applyBorder="1" applyAlignment="1">
      <alignment vertical="center"/>
    </xf>
    <xf numFmtId="184" fontId="8" fillId="0" borderId="81" xfId="0" applyNumberFormat="1" applyFont="1" applyFill="1" applyBorder="1" applyAlignment="1">
      <alignment horizontal="right" vertical="center"/>
    </xf>
    <xf numFmtId="180" fontId="8" fillId="0" borderId="25" xfId="0" applyNumberFormat="1" applyFont="1" applyFill="1" applyBorder="1" applyAlignment="1">
      <alignment horizontal="right" vertical="center"/>
    </xf>
    <xf numFmtId="180" fontId="8" fillId="0" borderId="65" xfId="0" quotePrefix="1" applyNumberFormat="1" applyFont="1" applyFill="1" applyBorder="1" applyAlignment="1">
      <alignment horizontal="right" vertical="center"/>
    </xf>
    <xf numFmtId="180" fontId="8" fillId="0" borderId="59" xfId="0" applyNumberFormat="1" applyFont="1" applyFill="1" applyBorder="1" applyAlignment="1">
      <alignment horizontal="right" vertical="center"/>
    </xf>
    <xf numFmtId="180" fontId="8" fillId="0" borderId="31" xfId="0" applyNumberFormat="1" applyFont="1" applyFill="1" applyBorder="1" applyAlignment="1">
      <alignment horizontal="right" vertical="center"/>
    </xf>
    <xf numFmtId="180" fontId="8" fillId="0" borderId="37" xfId="0" applyNumberFormat="1" applyFont="1" applyFill="1" applyBorder="1" applyAlignment="1">
      <alignment horizontal="right" vertical="center"/>
    </xf>
    <xf numFmtId="184" fontId="8" fillId="0" borderId="73" xfId="0" applyNumberFormat="1" applyFont="1" applyFill="1" applyBorder="1" applyAlignment="1">
      <alignment horizontal="right" vertical="center"/>
    </xf>
    <xf numFmtId="184" fontId="8" fillId="0" borderId="74" xfId="0" applyNumberFormat="1" applyFont="1" applyFill="1" applyBorder="1" applyAlignment="1">
      <alignment horizontal="right" vertical="center"/>
    </xf>
    <xf numFmtId="180" fontId="8" fillId="0" borderId="37" xfId="0" applyNumberFormat="1" applyFont="1" applyFill="1" applyBorder="1" applyAlignment="1">
      <alignment vertical="center"/>
    </xf>
    <xf numFmtId="184" fontId="8" fillId="0" borderId="42" xfId="0" applyNumberFormat="1" applyFont="1" applyFill="1" applyBorder="1" applyAlignment="1">
      <alignment horizontal="right" vertical="center"/>
    </xf>
    <xf numFmtId="184" fontId="8" fillId="0" borderId="39" xfId="0" applyNumberFormat="1" applyFont="1" applyFill="1" applyBorder="1" applyAlignment="1">
      <alignment horizontal="right" vertical="center"/>
    </xf>
    <xf numFmtId="184" fontId="8" fillId="0" borderId="41" xfId="0" applyNumberFormat="1" applyFont="1" applyFill="1" applyBorder="1" applyAlignment="1">
      <alignment horizontal="right" vertical="center"/>
    </xf>
    <xf numFmtId="180" fontId="8" fillId="0" borderId="91" xfId="0" applyNumberFormat="1" applyFont="1" applyFill="1" applyBorder="1" applyAlignment="1">
      <alignment horizontal="center" vertical="center"/>
    </xf>
    <xf numFmtId="180" fontId="8" fillId="0" borderId="104" xfId="0" applyNumberFormat="1" applyFont="1" applyFill="1" applyBorder="1" applyAlignment="1">
      <alignment horizontal="right" vertical="center"/>
    </xf>
    <xf numFmtId="180" fontId="8" fillId="0" borderId="94" xfId="0" applyNumberFormat="1" applyFont="1" applyFill="1" applyBorder="1" applyAlignment="1">
      <alignment horizontal="right" vertical="center"/>
    </xf>
    <xf numFmtId="184" fontId="8" fillId="0" borderId="96" xfId="0" applyNumberFormat="1" applyFont="1" applyFill="1" applyBorder="1" applyAlignment="1">
      <alignment horizontal="right" vertical="center"/>
    </xf>
    <xf numFmtId="180" fontId="8" fillId="0" borderId="96" xfId="0" applyNumberFormat="1" applyFont="1" applyFill="1" applyBorder="1" applyAlignment="1">
      <alignment horizontal="right" vertical="center"/>
    </xf>
    <xf numFmtId="180" fontId="8" fillId="0" borderId="91" xfId="0" applyNumberFormat="1" applyFont="1" applyFill="1" applyBorder="1" applyAlignment="1">
      <alignment vertical="center"/>
    </xf>
    <xf numFmtId="184" fontId="8" fillId="0" borderId="95" xfId="0" applyNumberFormat="1" applyFont="1" applyFill="1" applyBorder="1" applyAlignment="1">
      <alignment horizontal="right" vertical="center"/>
    </xf>
    <xf numFmtId="184" fontId="8" fillId="0" borderId="94" xfId="0" applyNumberFormat="1" applyFont="1" applyFill="1" applyBorder="1" applyAlignment="1">
      <alignment horizontal="right" vertical="center"/>
    </xf>
    <xf numFmtId="180" fontId="8" fillId="0" borderId="13" xfId="0" applyNumberFormat="1" applyFont="1" applyFill="1" applyBorder="1" applyAlignment="1">
      <alignment vertical="center"/>
    </xf>
    <xf numFmtId="184" fontId="8" fillId="0" borderId="58" xfId="0" applyNumberFormat="1" applyFont="1" applyFill="1" applyBorder="1" applyAlignment="1">
      <alignment horizontal="right" vertical="center"/>
    </xf>
    <xf numFmtId="182" fontId="8" fillId="0" borderId="50" xfId="0" applyNumberFormat="1" applyFont="1" applyFill="1" applyBorder="1" applyAlignment="1">
      <alignment horizontal="right" vertical="center"/>
    </xf>
    <xf numFmtId="180" fontId="8" fillId="0" borderId="9" xfId="0" applyNumberFormat="1" applyFont="1" applyFill="1" applyBorder="1" applyAlignment="1">
      <alignment vertical="center"/>
    </xf>
    <xf numFmtId="180" fontId="8" fillId="0" borderId="0" xfId="0" applyNumberFormat="1" applyFont="1" applyFill="1" applyAlignment="1">
      <alignment vertical="center"/>
    </xf>
    <xf numFmtId="180" fontId="8" fillId="0" borderId="0" xfId="0" applyNumberFormat="1" applyFont="1" applyFill="1" applyBorder="1" applyAlignment="1">
      <alignment vertical="center"/>
    </xf>
    <xf numFmtId="180" fontId="8" fillId="0" borderId="53" xfId="0" applyNumberFormat="1" applyFont="1" applyFill="1" applyBorder="1" applyAlignment="1">
      <alignment horizontal="right" vertical="center"/>
    </xf>
    <xf numFmtId="180" fontId="8" fillId="0" borderId="50" xfId="0" applyNumberFormat="1" applyFont="1" applyFill="1" applyBorder="1" applyAlignment="1">
      <alignment horizontal="right" vertical="center"/>
    </xf>
    <xf numFmtId="180" fontId="8" fillId="0" borderId="0" xfId="0" applyNumberFormat="1" applyFont="1" applyFill="1" applyAlignment="1">
      <alignment vertical="top" wrapText="1"/>
    </xf>
    <xf numFmtId="180" fontId="8" fillId="0" borderId="2" xfId="0" applyNumberFormat="1" applyFont="1" applyFill="1" applyBorder="1" applyAlignment="1">
      <alignment horizontal="distributed" vertical="center" wrapText="1"/>
    </xf>
    <xf numFmtId="180" fontId="8" fillId="0" borderId="58" xfId="0" applyNumberFormat="1" applyFont="1" applyFill="1" applyBorder="1" applyAlignment="1">
      <alignment horizontal="center" vertical="center"/>
    </xf>
    <xf numFmtId="180" fontId="8" fillId="0" borderId="13" xfId="0" applyNumberFormat="1" applyFont="1" applyFill="1" applyBorder="1" applyAlignment="1">
      <alignment horizontal="center" vertical="center"/>
    </xf>
    <xf numFmtId="182" fontId="8" fillId="0" borderId="69" xfId="0" applyNumberFormat="1" applyFont="1" applyFill="1" applyBorder="1" applyAlignment="1">
      <alignment horizontal="right" vertical="center"/>
    </xf>
    <xf numFmtId="180" fontId="8" fillId="0" borderId="105" xfId="0" applyNumberFormat="1" applyFont="1" applyFill="1" applyBorder="1" applyAlignment="1">
      <alignment horizontal="right" vertical="center"/>
    </xf>
    <xf numFmtId="182" fontId="8" fillId="0" borderId="106" xfId="0" applyNumberFormat="1" applyFont="1" applyFill="1" applyBorder="1" applyAlignment="1">
      <alignment horizontal="right" vertical="center"/>
    </xf>
    <xf numFmtId="180" fontId="8" fillId="0" borderId="106" xfId="0" applyNumberFormat="1" applyFont="1" applyFill="1" applyBorder="1" applyAlignment="1">
      <alignment horizontal="right" vertical="center"/>
    </xf>
    <xf numFmtId="182" fontId="8" fillId="0" borderId="107" xfId="0" applyNumberFormat="1" applyFont="1" applyFill="1" applyBorder="1" applyAlignment="1">
      <alignment horizontal="right" vertical="center"/>
    </xf>
    <xf numFmtId="180" fontId="0" fillId="0" borderId="0" xfId="0" applyNumberFormat="1" applyFont="1" applyFill="1" applyAlignment="1">
      <alignment vertical="top"/>
    </xf>
    <xf numFmtId="0" fontId="6" fillId="0" borderId="21" xfId="0" quotePrefix="1" applyNumberFormat="1" applyFont="1" applyFill="1" applyBorder="1" applyAlignment="1">
      <alignment horizontal="center" vertical="center"/>
    </xf>
    <xf numFmtId="0" fontId="6" fillId="0" borderId="20" xfId="0" quotePrefix="1" applyNumberFormat="1" applyFont="1" applyFill="1" applyBorder="1" applyAlignment="1">
      <alignment horizontal="center" vertical="center"/>
    </xf>
    <xf numFmtId="0" fontId="6" fillId="0" borderId="19" xfId="0" quotePrefix="1" applyNumberFormat="1" applyFont="1" applyFill="1" applyBorder="1" applyAlignment="1">
      <alignment horizontal="center" vertical="center"/>
    </xf>
    <xf numFmtId="0" fontId="6" fillId="0" borderId="27" xfId="0" quotePrefix="1" applyNumberFormat="1" applyFont="1" applyFill="1" applyBorder="1" applyAlignment="1">
      <alignment horizontal="center" vertical="center"/>
    </xf>
    <xf numFmtId="180" fontId="6" fillId="0" borderId="0" xfId="0" applyNumberFormat="1" applyFont="1" applyFill="1" applyBorder="1" applyAlignment="1">
      <alignment horizontal="center" vertical="center" shrinkToFit="1"/>
    </xf>
    <xf numFmtId="0" fontId="0" fillId="0" borderId="0" xfId="0" applyAlignment="1">
      <alignment vertical="center"/>
    </xf>
    <xf numFmtId="180" fontId="7" fillId="0" borderId="0" xfId="0" applyNumberFormat="1" applyFont="1" applyFill="1" applyAlignment="1">
      <alignment vertical="center"/>
    </xf>
    <xf numFmtId="180" fontId="8" fillId="0" borderId="0" xfId="0" applyNumberFormat="1" applyFont="1" applyFill="1" applyAlignment="1">
      <alignment vertical="center"/>
    </xf>
    <xf numFmtId="180" fontId="8" fillId="0" borderId="95" xfId="0" applyNumberFormat="1" applyFont="1" applyFill="1" applyBorder="1" applyAlignment="1">
      <alignment horizontal="right" vertical="center"/>
    </xf>
    <xf numFmtId="182" fontId="7" fillId="0" borderId="70" xfId="0" applyNumberFormat="1" applyFont="1" applyFill="1" applyBorder="1" applyAlignment="1">
      <alignment horizontal="right" vertical="center"/>
    </xf>
    <xf numFmtId="176" fontId="23" fillId="0" borderId="0" xfId="0" applyNumberFormat="1" applyFont="1" applyFill="1" applyAlignment="1">
      <alignment horizontal="left" vertical="center"/>
    </xf>
    <xf numFmtId="0" fontId="0" fillId="0" borderId="0" xfId="0" applyAlignment="1">
      <alignment horizontal="left" vertical="center"/>
    </xf>
    <xf numFmtId="176" fontId="6" fillId="0" borderId="3" xfId="0" applyNumberFormat="1" applyFont="1" applyFill="1" applyBorder="1" applyAlignment="1">
      <alignment horizontal="center" vertical="center" wrapText="1"/>
    </xf>
    <xf numFmtId="176" fontId="6" fillId="0" borderId="4" xfId="0" applyNumberFormat="1" applyFont="1" applyFill="1" applyBorder="1" applyAlignment="1">
      <alignment horizontal="center" vertical="center" wrapText="1"/>
    </xf>
    <xf numFmtId="176" fontId="6" fillId="0" borderId="9" xfId="0" applyNumberFormat="1" applyFont="1" applyFill="1" applyBorder="1" applyAlignment="1">
      <alignment horizontal="center" vertical="center" wrapText="1"/>
    </xf>
    <xf numFmtId="176" fontId="6" fillId="0" borderId="10" xfId="0" applyNumberFormat="1" applyFont="1" applyFill="1" applyBorder="1" applyAlignment="1">
      <alignment horizontal="center" vertical="center" wrapText="1"/>
    </xf>
    <xf numFmtId="176" fontId="6" fillId="0" borderId="14" xfId="0" applyNumberFormat="1" applyFont="1" applyFill="1" applyBorder="1" applyAlignment="1">
      <alignment horizontal="center" vertical="center" wrapText="1"/>
    </xf>
    <xf numFmtId="176" fontId="6" fillId="0" borderId="15" xfId="0" applyNumberFormat="1" applyFont="1" applyFill="1" applyBorder="1" applyAlignment="1">
      <alignment horizontal="center" vertical="center" wrapText="1"/>
    </xf>
    <xf numFmtId="178" fontId="6" fillId="0" borderId="5" xfId="0" applyNumberFormat="1" applyFont="1" applyFill="1" applyBorder="1" applyAlignment="1">
      <alignment horizontal="center" vertical="center" wrapText="1"/>
    </xf>
    <xf numFmtId="178" fontId="6" fillId="0" borderId="4" xfId="0" applyNumberFormat="1" applyFont="1" applyFill="1" applyBorder="1" applyAlignment="1">
      <alignment horizontal="center" vertical="center" wrapText="1"/>
    </xf>
    <xf numFmtId="178" fontId="6" fillId="0" borderId="11" xfId="0" applyNumberFormat="1" applyFont="1" applyFill="1" applyBorder="1" applyAlignment="1">
      <alignment horizontal="center" vertical="center" wrapText="1"/>
    </xf>
    <xf numFmtId="178" fontId="6" fillId="0" borderId="10" xfId="0" applyNumberFormat="1" applyFont="1" applyFill="1" applyBorder="1" applyAlignment="1">
      <alignment horizontal="center" vertical="center" wrapText="1"/>
    </xf>
    <xf numFmtId="178" fontId="6" fillId="0" borderId="16" xfId="0" applyNumberFormat="1" applyFont="1" applyFill="1" applyBorder="1" applyAlignment="1">
      <alignment horizontal="center" vertical="center" wrapText="1"/>
    </xf>
    <xf numFmtId="178" fontId="6" fillId="0" borderId="15" xfId="0" applyNumberFormat="1" applyFont="1" applyFill="1" applyBorder="1" applyAlignment="1">
      <alignment horizontal="center" vertical="center" wrapText="1"/>
    </xf>
    <xf numFmtId="176" fontId="6" fillId="0" borderId="6" xfId="0" applyNumberFormat="1" applyFont="1" applyFill="1" applyBorder="1" applyAlignment="1">
      <alignment horizontal="center" vertical="center" wrapText="1"/>
    </xf>
    <xf numFmtId="176" fontId="6" fillId="0" borderId="7" xfId="0" applyNumberFormat="1" applyFont="1" applyFill="1" applyBorder="1" applyAlignment="1">
      <alignment horizontal="center" vertical="center" wrapText="1"/>
    </xf>
    <xf numFmtId="176" fontId="6" fillId="0" borderId="0" xfId="0" applyNumberFormat="1" applyFont="1" applyFill="1" applyBorder="1" applyAlignment="1">
      <alignment horizontal="center" vertical="center" wrapText="1"/>
    </xf>
    <xf numFmtId="176" fontId="6" fillId="0" borderId="12" xfId="0" applyNumberFormat="1" applyFont="1" applyFill="1" applyBorder="1" applyAlignment="1">
      <alignment horizontal="center" vertical="center" wrapText="1"/>
    </xf>
    <xf numFmtId="176" fontId="6" fillId="0" borderId="17" xfId="0" applyNumberFormat="1" applyFont="1" applyFill="1" applyBorder="1" applyAlignment="1">
      <alignment horizontal="center" vertical="center" wrapText="1"/>
    </xf>
    <xf numFmtId="176" fontId="6" fillId="0" borderId="18" xfId="0" applyNumberFormat="1" applyFont="1" applyFill="1" applyBorder="1" applyAlignment="1">
      <alignment horizontal="center" vertical="center" wrapText="1"/>
    </xf>
    <xf numFmtId="176" fontId="23" fillId="0" borderId="0" xfId="0" applyNumberFormat="1" applyFont="1" applyFill="1" applyAlignment="1">
      <alignment vertical="center"/>
    </xf>
    <xf numFmtId="0" fontId="0" fillId="0" borderId="0" xfId="0" applyAlignment="1">
      <alignment vertical="center"/>
    </xf>
    <xf numFmtId="176" fontId="23" fillId="0" borderId="0" xfId="0" applyNumberFormat="1" applyFont="1" applyFill="1" applyBorder="1" applyAlignment="1">
      <alignment vertical="center"/>
    </xf>
    <xf numFmtId="0" fontId="0" fillId="0" borderId="0" xfId="0" applyBorder="1" applyAlignment="1">
      <alignment vertical="center"/>
    </xf>
    <xf numFmtId="177" fontId="10" fillId="0" borderId="52" xfId="0" applyNumberFormat="1" applyFont="1" applyFill="1" applyBorder="1" applyAlignment="1">
      <alignment horizontal="distributed" vertical="center"/>
    </xf>
    <xf numFmtId="177" fontId="10" fillId="0" borderId="59" xfId="0" applyNumberFormat="1" applyFont="1" applyFill="1" applyBorder="1" applyAlignment="1">
      <alignment horizontal="distributed" vertical="center"/>
    </xf>
    <xf numFmtId="181" fontId="10" fillId="0" borderId="53" xfId="0" applyNumberFormat="1" applyFont="1" applyFill="1" applyBorder="1" applyAlignment="1">
      <alignment horizontal="right" vertical="center"/>
    </xf>
    <xf numFmtId="181" fontId="10" fillId="0" borderId="58" xfId="0" applyNumberFormat="1" applyFont="1" applyFill="1" applyBorder="1" applyAlignment="1">
      <alignment horizontal="right" vertical="center"/>
    </xf>
    <xf numFmtId="180" fontId="10" fillId="0" borderId="53" xfId="0" applyNumberFormat="1" applyFont="1" applyFill="1" applyBorder="1" applyAlignment="1">
      <alignment horizontal="right" vertical="center"/>
    </xf>
    <xf numFmtId="180" fontId="10" fillId="0" borderId="58" xfId="0" applyNumberFormat="1" applyFont="1" applyFill="1" applyBorder="1" applyAlignment="1">
      <alignment horizontal="right" vertical="center"/>
    </xf>
    <xf numFmtId="180" fontId="10" fillId="0" borderId="54" xfId="0" applyNumberFormat="1" applyFont="1" applyFill="1" applyBorder="1" applyAlignment="1">
      <alignment horizontal="right" vertical="center"/>
    </xf>
    <xf numFmtId="180" fontId="10" fillId="0" borderId="60" xfId="0" applyNumberFormat="1" applyFont="1" applyFill="1" applyBorder="1" applyAlignment="1">
      <alignment horizontal="right" vertical="center"/>
    </xf>
    <xf numFmtId="180" fontId="10" fillId="0" borderId="0" xfId="0" applyNumberFormat="1" applyFont="1" applyFill="1" applyBorder="1" applyAlignment="1">
      <alignment horizontal="distributed" vertical="center" wrapText="1"/>
    </xf>
    <xf numFmtId="177" fontId="10" fillId="0" borderId="55" xfId="0" applyNumberFormat="1" applyFont="1" applyFill="1" applyBorder="1" applyAlignment="1">
      <alignment horizontal="distributed" vertical="center"/>
    </xf>
    <xf numFmtId="181" fontId="10" fillId="0" borderId="50" xfId="0" applyNumberFormat="1" applyFont="1" applyFill="1" applyBorder="1" applyAlignment="1">
      <alignment horizontal="right" vertical="center"/>
    </xf>
    <xf numFmtId="180" fontId="10" fillId="0" borderId="50" xfId="0" applyNumberFormat="1" applyFont="1" applyFill="1" applyBorder="1" applyAlignment="1">
      <alignment horizontal="right" vertical="center"/>
    </xf>
    <xf numFmtId="180" fontId="10" fillId="0" borderId="51" xfId="0" applyNumberFormat="1" applyFont="1" applyFill="1" applyBorder="1" applyAlignment="1">
      <alignment horizontal="right" vertical="center"/>
    </xf>
    <xf numFmtId="176" fontId="10" fillId="0" borderId="0" xfId="0" applyNumberFormat="1" applyFont="1" applyFill="1" applyBorder="1" applyAlignment="1">
      <alignment horizontal="distributed" vertical="center"/>
    </xf>
    <xf numFmtId="176" fontId="10" fillId="0" borderId="0" xfId="0" applyNumberFormat="1" applyFont="1" applyFill="1" applyAlignment="1">
      <alignment horizontal="distributed" vertical="center"/>
    </xf>
    <xf numFmtId="181" fontId="6" fillId="0" borderId="58" xfId="0" applyNumberFormat="1" applyFont="1" applyFill="1" applyBorder="1" applyAlignment="1">
      <alignment horizontal="right" vertical="center"/>
    </xf>
    <xf numFmtId="180" fontId="6" fillId="0" borderId="58" xfId="0" applyNumberFormat="1" applyFont="1" applyFill="1" applyBorder="1" applyAlignment="1">
      <alignment horizontal="right" vertical="center"/>
    </xf>
    <xf numFmtId="180" fontId="6" fillId="0" borderId="60" xfId="0" applyNumberFormat="1" applyFont="1" applyFill="1" applyBorder="1" applyAlignment="1">
      <alignment horizontal="right" vertical="center"/>
    </xf>
    <xf numFmtId="177" fontId="10" fillId="0" borderId="45" xfId="0" applyNumberFormat="1" applyFont="1" applyFill="1" applyBorder="1" applyAlignment="1">
      <alignment horizontal="distributed" vertical="center"/>
    </xf>
    <xf numFmtId="181" fontId="10" fillId="0" borderId="46" xfId="0" applyNumberFormat="1" applyFont="1" applyFill="1" applyBorder="1" applyAlignment="1">
      <alignment horizontal="right" vertical="center"/>
    </xf>
    <xf numFmtId="180" fontId="10" fillId="0" borderId="46" xfId="0" applyNumberFormat="1" applyFont="1" applyFill="1" applyBorder="1" applyAlignment="1">
      <alignment horizontal="right" vertical="center"/>
    </xf>
    <xf numFmtId="180" fontId="10" fillId="0" borderId="47" xfId="0" applyNumberFormat="1" applyFont="1" applyFill="1" applyBorder="1" applyAlignment="1">
      <alignment horizontal="right" vertical="center"/>
    </xf>
    <xf numFmtId="181" fontId="6" fillId="0" borderId="50" xfId="0" applyNumberFormat="1" applyFont="1" applyFill="1" applyBorder="1" applyAlignment="1">
      <alignment horizontal="right" vertical="center"/>
    </xf>
    <xf numFmtId="181" fontId="10" fillId="0" borderId="4" xfId="0" applyNumberFormat="1" applyFont="1" applyFill="1" applyBorder="1" applyAlignment="1">
      <alignment horizontal="right" vertical="center"/>
    </xf>
    <xf numFmtId="181" fontId="6" fillId="0" borderId="61" xfId="0" applyNumberFormat="1" applyFont="1" applyFill="1" applyBorder="1" applyAlignment="1">
      <alignment horizontal="right" vertical="center"/>
    </xf>
    <xf numFmtId="177" fontId="10" fillId="0" borderId="48" xfId="0" applyNumberFormat="1" applyFont="1" applyFill="1" applyBorder="1" applyAlignment="1">
      <alignment horizontal="distributed" vertical="center"/>
    </xf>
    <xf numFmtId="181" fontId="6" fillId="0" borderId="49" xfId="0" applyNumberFormat="1" applyFont="1" applyFill="1" applyBorder="1" applyAlignment="1">
      <alignment horizontal="right" vertical="center"/>
    </xf>
    <xf numFmtId="180" fontId="6" fillId="0" borderId="49" xfId="0" applyNumberFormat="1" applyFont="1" applyFill="1" applyBorder="1" applyAlignment="1">
      <alignment horizontal="right" vertical="center"/>
    </xf>
    <xf numFmtId="180" fontId="6" fillId="0" borderId="62" xfId="0" applyNumberFormat="1" applyFont="1" applyFill="1" applyBorder="1" applyAlignment="1">
      <alignment horizontal="right" vertical="center"/>
    </xf>
    <xf numFmtId="181" fontId="10" fillId="0" borderId="49" xfId="0" applyNumberFormat="1" applyFont="1" applyFill="1" applyBorder="1" applyAlignment="1">
      <alignment horizontal="right" vertical="center"/>
    </xf>
    <xf numFmtId="180" fontId="10" fillId="0" borderId="44" xfId="0" applyNumberFormat="1" applyFont="1" applyFill="1" applyBorder="1" applyAlignment="1">
      <alignment horizontal="right" vertical="center"/>
    </xf>
    <xf numFmtId="181" fontId="10" fillId="0" borderId="56" xfId="0" applyNumberFormat="1" applyFont="1" applyFill="1" applyBorder="1" applyAlignment="1">
      <alignment horizontal="right" vertical="center"/>
    </xf>
    <xf numFmtId="181" fontId="6" fillId="0" borderId="11" xfId="0" applyNumberFormat="1" applyFont="1" applyFill="1" applyBorder="1" applyAlignment="1">
      <alignment horizontal="right" vertical="center"/>
    </xf>
    <xf numFmtId="180" fontId="10" fillId="0" borderId="57" xfId="0" applyNumberFormat="1" applyFont="1" applyFill="1" applyBorder="1" applyAlignment="1">
      <alignment horizontal="right" vertical="center"/>
    </xf>
    <xf numFmtId="180" fontId="6" fillId="0" borderId="12" xfId="0" applyNumberFormat="1" applyFont="1" applyFill="1" applyBorder="1" applyAlignment="1">
      <alignment horizontal="right" vertical="center"/>
    </xf>
    <xf numFmtId="176" fontId="10" fillId="0" borderId="3" xfId="0" applyNumberFormat="1" applyFont="1" applyFill="1" applyBorder="1" applyAlignment="1">
      <alignment horizontal="center" vertical="center" wrapText="1"/>
    </xf>
    <xf numFmtId="0" fontId="6" fillId="0" borderId="9" xfId="0" applyFont="1" applyFill="1" applyBorder="1" applyAlignment="1">
      <alignment horizontal="center" vertical="center" wrapText="1"/>
    </xf>
    <xf numFmtId="0" fontId="6" fillId="0" borderId="14" xfId="0" applyFont="1" applyFill="1" applyBorder="1" applyAlignment="1">
      <alignment horizontal="center" vertical="center" wrapText="1"/>
    </xf>
    <xf numFmtId="176" fontId="10" fillId="0" borderId="6" xfId="0" applyNumberFormat="1" applyFont="1" applyFill="1" applyBorder="1" applyAlignment="1">
      <alignment horizontal="center" vertical="center" wrapText="1"/>
    </xf>
    <xf numFmtId="0" fontId="6" fillId="0" borderId="0" xfId="0" applyFont="1" applyFill="1" applyBorder="1" applyAlignment="1">
      <alignment horizontal="center" vertical="center" wrapText="1"/>
    </xf>
    <xf numFmtId="0" fontId="6" fillId="0" borderId="17" xfId="0" applyFont="1" applyFill="1" applyBorder="1" applyAlignment="1">
      <alignment horizontal="center" vertical="center" wrapText="1"/>
    </xf>
    <xf numFmtId="178" fontId="10" fillId="0" borderId="6" xfId="0" applyNumberFormat="1" applyFont="1" applyFill="1" applyBorder="1" applyAlignment="1">
      <alignment horizontal="distributed" vertical="center"/>
    </xf>
    <xf numFmtId="0" fontId="6" fillId="0" borderId="6" xfId="0" applyFont="1" applyFill="1" applyBorder="1" applyAlignment="1">
      <alignment horizontal="distributed" vertical="center"/>
    </xf>
    <xf numFmtId="0" fontId="6" fillId="0" borderId="43" xfId="0" applyFont="1" applyFill="1" applyBorder="1" applyAlignment="1">
      <alignment horizontal="distributed" vertical="center"/>
    </xf>
    <xf numFmtId="176" fontId="10" fillId="0" borderId="6" xfId="0" applyNumberFormat="1" applyFont="1" applyFill="1" applyBorder="1" applyAlignment="1">
      <alignment horizontal="distributed" vertical="center"/>
    </xf>
    <xf numFmtId="176" fontId="10" fillId="0" borderId="2" xfId="0" applyNumberFormat="1" applyFont="1" applyFill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12" fillId="0" borderId="0" xfId="1" applyFont="1" applyAlignment="1">
      <alignment horizontal="center"/>
    </xf>
    <xf numFmtId="0" fontId="12" fillId="0" borderId="0" xfId="1" applyFont="1" applyAlignment="1">
      <alignment horizontal="center" vertical="center"/>
    </xf>
    <xf numFmtId="0" fontId="12" fillId="0" borderId="0" xfId="1" applyFont="1" applyAlignment="1">
      <alignment horizontal="left"/>
    </xf>
    <xf numFmtId="0" fontId="12" fillId="0" borderId="0" xfId="1" applyFont="1" applyAlignment="1">
      <alignment horizontal="left" vertical="center"/>
    </xf>
    <xf numFmtId="180" fontId="8" fillId="0" borderId="53" xfId="0" applyNumberFormat="1" applyFont="1" applyFill="1" applyBorder="1" applyAlignment="1">
      <alignment horizontal="right" vertical="center"/>
    </xf>
    <xf numFmtId="180" fontId="8" fillId="0" borderId="50" xfId="0" applyNumberFormat="1" applyFont="1" applyFill="1" applyBorder="1" applyAlignment="1">
      <alignment horizontal="right" vertical="center"/>
    </xf>
    <xf numFmtId="180" fontId="8" fillId="0" borderId="9" xfId="0" applyNumberFormat="1" applyFont="1" applyFill="1" applyBorder="1" applyAlignment="1">
      <alignment vertical="center"/>
    </xf>
    <xf numFmtId="180" fontId="8" fillId="0" borderId="0" xfId="0" applyNumberFormat="1" applyFont="1" applyFill="1" applyAlignment="1">
      <alignment vertical="center"/>
    </xf>
    <xf numFmtId="180" fontId="8" fillId="0" borderId="0" xfId="0" applyNumberFormat="1" applyFont="1" applyFill="1" applyBorder="1" applyAlignment="1">
      <alignment vertical="center"/>
    </xf>
    <xf numFmtId="180" fontId="8" fillId="0" borderId="2" xfId="0" applyNumberFormat="1" applyFont="1" applyFill="1" applyBorder="1" applyAlignment="1">
      <alignment horizontal="center" vertical="center" wrapText="1"/>
    </xf>
    <xf numFmtId="0" fontId="6" fillId="0" borderId="8" xfId="0" applyFont="1" applyFill="1" applyBorder="1" applyAlignment="1">
      <alignment horizontal="center" vertical="center" wrapText="1"/>
    </xf>
    <xf numFmtId="0" fontId="6" fillId="0" borderId="13" xfId="0" applyFont="1" applyFill="1" applyBorder="1" applyAlignment="1">
      <alignment horizontal="center" vertical="center" wrapText="1"/>
    </xf>
    <xf numFmtId="180" fontId="8" fillId="0" borderId="4" xfId="0" applyNumberFormat="1" applyFont="1" applyFill="1" applyBorder="1" applyAlignment="1">
      <alignment horizontal="center" vertical="center" wrapText="1"/>
    </xf>
    <xf numFmtId="180" fontId="8" fillId="0" borderId="10" xfId="0" applyNumberFormat="1" applyFont="1" applyFill="1" applyBorder="1" applyAlignment="1">
      <alignment horizontal="center" vertical="center" wrapText="1"/>
    </xf>
    <xf numFmtId="180" fontId="8" fillId="0" borderId="15" xfId="0" applyNumberFormat="1" applyFont="1" applyFill="1" applyBorder="1" applyAlignment="1">
      <alignment horizontal="center" vertical="center" wrapText="1"/>
    </xf>
    <xf numFmtId="180" fontId="8" fillId="0" borderId="5" xfId="0" applyNumberFormat="1" applyFont="1" applyFill="1" applyBorder="1" applyAlignment="1">
      <alignment horizontal="center" vertical="center" wrapText="1"/>
    </xf>
    <xf numFmtId="180" fontId="8" fillId="0" borderId="11" xfId="0" applyNumberFormat="1" applyFont="1" applyFill="1" applyBorder="1" applyAlignment="1">
      <alignment horizontal="center" vertical="center" wrapText="1"/>
    </xf>
    <xf numFmtId="180" fontId="8" fillId="0" borderId="16" xfId="0" applyNumberFormat="1" applyFont="1" applyFill="1" applyBorder="1" applyAlignment="1">
      <alignment horizontal="center" vertical="center" wrapText="1"/>
    </xf>
    <xf numFmtId="180" fontId="6" fillId="0" borderId="63" xfId="0" applyNumberFormat="1" applyFont="1" applyFill="1" applyBorder="1" applyAlignment="1">
      <alignment horizontal="distributed" vertical="center" indent="2"/>
    </xf>
    <xf numFmtId="180" fontId="6" fillId="0" borderId="64" xfId="0" applyNumberFormat="1" applyFont="1" applyFill="1" applyBorder="1" applyAlignment="1">
      <alignment horizontal="distributed" vertical="center" indent="2"/>
    </xf>
    <xf numFmtId="180" fontId="6" fillId="0" borderId="33" xfId="0" applyNumberFormat="1" applyFont="1" applyFill="1" applyBorder="1" applyAlignment="1">
      <alignment horizontal="distributed" vertical="center" indent="2"/>
    </xf>
    <xf numFmtId="180" fontId="8" fillId="0" borderId="17" xfId="0" applyNumberFormat="1" applyFont="1" applyFill="1" applyBorder="1" applyAlignment="1">
      <alignment horizontal="right" vertical="center"/>
    </xf>
    <xf numFmtId="180" fontId="8" fillId="0" borderId="0" xfId="0" applyNumberFormat="1" applyFont="1" applyFill="1" applyAlignment="1">
      <alignment vertical="top" wrapText="1"/>
    </xf>
    <xf numFmtId="180" fontId="8" fillId="0" borderId="53" xfId="0" applyNumberFormat="1" applyFont="1" applyFill="1" applyBorder="1" applyAlignment="1">
      <alignment horizontal="distributed" vertical="center" justifyLastLine="1"/>
    </xf>
    <xf numFmtId="180" fontId="8" fillId="0" borderId="50" xfId="0" applyNumberFormat="1" applyFont="1" applyFill="1" applyBorder="1" applyAlignment="1">
      <alignment horizontal="distributed" vertical="center" justifyLastLine="1"/>
    </xf>
    <xf numFmtId="180" fontId="8" fillId="0" borderId="2" xfId="0" applyNumberFormat="1" applyFont="1" applyFill="1" applyBorder="1" applyAlignment="1">
      <alignment horizontal="distributed" vertical="center" wrapText="1"/>
    </xf>
    <xf numFmtId="0" fontId="3" fillId="0" borderId="8" xfId="0" applyFont="1" applyFill="1" applyBorder="1" applyAlignment="1">
      <alignment horizontal="distributed" vertical="center" wrapText="1"/>
    </xf>
    <xf numFmtId="0" fontId="3" fillId="0" borderId="13" xfId="0" applyFont="1" applyFill="1" applyBorder="1" applyAlignment="1">
      <alignment horizontal="distributed" vertical="center" wrapText="1"/>
    </xf>
    <xf numFmtId="180" fontId="8" fillId="0" borderId="38" xfId="0" applyNumberFormat="1" applyFont="1" applyFill="1" applyBorder="1" applyAlignment="1">
      <alignment horizontal="distributed" vertical="center" indent="2"/>
    </xf>
    <xf numFmtId="0" fontId="0" fillId="0" borderId="40" xfId="0" applyBorder="1" applyAlignment="1">
      <alignment horizontal="distributed" vertical="center" indent="2"/>
    </xf>
    <xf numFmtId="0" fontId="0" fillId="0" borderId="41" xfId="0" applyBorder="1" applyAlignment="1">
      <alignment horizontal="distributed" vertical="center" indent="2"/>
    </xf>
    <xf numFmtId="0" fontId="8" fillId="0" borderId="2" xfId="0" applyFont="1" applyFill="1" applyBorder="1" applyAlignment="1">
      <alignment horizontal="center" vertical="center" wrapText="1"/>
    </xf>
    <xf numFmtId="0" fontId="8" fillId="0" borderId="12" xfId="0" applyFont="1" applyFill="1" applyBorder="1" applyAlignment="1">
      <alignment horizontal="center" vertical="center" wrapText="1"/>
    </xf>
    <xf numFmtId="0" fontId="8" fillId="0" borderId="18" xfId="0" applyFont="1" applyFill="1" applyBorder="1" applyAlignment="1">
      <alignment horizontal="center" vertical="center" wrapText="1"/>
    </xf>
    <xf numFmtId="180" fontId="8" fillId="0" borderId="8" xfId="0" applyNumberFormat="1" applyFont="1" applyFill="1" applyBorder="1" applyAlignment="1">
      <alignment horizontal="center" vertical="center" wrapText="1"/>
    </xf>
    <xf numFmtId="180" fontId="8" fillId="0" borderId="13" xfId="0" applyNumberFormat="1" applyFont="1" applyFill="1" applyBorder="1" applyAlignment="1">
      <alignment horizontal="center" vertical="center" wrapText="1"/>
    </xf>
    <xf numFmtId="180" fontId="8" fillId="0" borderId="34" xfId="0" applyNumberFormat="1" applyFont="1" applyFill="1" applyBorder="1" applyAlignment="1">
      <alignment horizontal="center" vertical="center"/>
    </xf>
    <xf numFmtId="180" fontId="8" fillId="0" borderId="43" xfId="0" applyNumberFormat="1" applyFont="1" applyFill="1" applyBorder="1" applyAlignment="1">
      <alignment horizontal="center" vertical="center"/>
    </xf>
    <xf numFmtId="180" fontId="8" fillId="0" borderId="61" xfId="0" applyNumberFormat="1" applyFont="1" applyFill="1" applyBorder="1" applyAlignment="1">
      <alignment horizontal="center" vertical="center"/>
    </xf>
    <xf numFmtId="180" fontId="8" fillId="0" borderId="49" xfId="0" applyNumberFormat="1" applyFont="1" applyFill="1" applyBorder="1" applyAlignment="1">
      <alignment horizontal="center" vertical="center"/>
    </xf>
    <xf numFmtId="180" fontId="8" fillId="0" borderId="58" xfId="0" applyNumberFormat="1" applyFont="1" applyFill="1" applyBorder="1" applyAlignment="1">
      <alignment horizontal="center" vertical="center"/>
    </xf>
    <xf numFmtId="180" fontId="8" fillId="0" borderId="11" xfId="0" applyNumberFormat="1" applyFont="1" applyFill="1" applyBorder="1" applyAlignment="1">
      <alignment horizontal="distributed" vertical="center" wrapText="1" indent="1"/>
    </xf>
    <xf numFmtId="180" fontId="8" fillId="0" borderId="16" xfId="0" applyNumberFormat="1" applyFont="1" applyFill="1" applyBorder="1" applyAlignment="1">
      <alignment horizontal="distributed" vertical="center" wrapText="1" indent="1"/>
    </xf>
    <xf numFmtId="180" fontId="8" fillId="0" borderId="47" xfId="0" applyNumberFormat="1" applyFont="1" applyFill="1" applyBorder="1" applyAlignment="1">
      <alignment horizontal="center" vertical="center" shrinkToFit="1"/>
    </xf>
    <xf numFmtId="0" fontId="8" fillId="0" borderId="60" xfId="0" applyFont="1" applyFill="1" applyBorder="1" applyAlignment="1">
      <alignment horizontal="center" vertical="center" shrinkToFit="1"/>
    </xf>
    <xf numFmtId="180" fontId="8" fillId="0" borderId="10" xfId="0" applyNumberFormat="1" applyFont="1" applyFill="1" applyBorder="1" applyAlignment="1">
      <alignment horizontal="center" vertical="center"/>
    </xf>
    <xf numFmtId="0" fontId="8" fillId="0" borderId="15" xfId="0" applyFont="1" applyFill="1" applyBorder="1" applyAlignment="1">
      <alignment horizontal="center" vertical="center"/>
    </xf>
    <xf numFmtId="180" fontId="8" fillId="0" borderId="35" xfId="0" applyNumberFormat="1" applyFont="1" applyFill="1" applyBorder="1" applyAlignment="1">
      <alignment horizontal="center" vertical="center"/>
    </xf>
    <xf numFmtId="180" fontId="8" fillId="0" borderId="5" xfId="0" applyNumberFormat="1" applyFont="1" applyFill="1" applyBorder="1" applyAlignment="1">
      <alignment horizontal="distributed" vertical="center" wrapText="1" indent="1"/>
    </xf>
    <xf numFmtId="180" fontId="8" fillId="0" borderId="47" xfId="0" applyNumberFormat="1" applyFont="1" applyFill="1" applyBorder="1" applyAlignment="1">
      <alignment horizontal="center" vertical="center"/>
    </xf>
    <xf numFmtId="0" fontId="8" fillId="0" borderId="60" xfId="0" applyFont="1" applyFill="1" applyBorder="1" applyAlignment="1">
      <alignment horizontal="center" vertical="center"/>
    </xf>
    <xf numFmtId="0" fontId="8" fillId="0" borderId="8" xfId="0" applyFont="1" applyFill="1" applyBorder="1" applyAlignment="1">
      <alignment horizontal="center" vertical="center"/>
    </xf>
    <xf numFmtId="0" fontId="8" fillId="0" borderId="13" xfId="0" applyFont="1" applyFill="1" applyBorder="1" applyAlignment="1">
      <alignment horizontal="center" vertical="center"/>
    </xf>
    <xf numFmtId="180" fontId="8" fillId="0" borderId="8" xfId="0" applyNumberFormat="1" applyFont="1" applyFill="1" applyBorder="1" applyAlignment="1">
      <alignment horizontal="center" vertical="center"/>
    </xf>
    <xf numFmtId="180" fontId="8" fillId="0" borderId="13" xfId="0" applyNumberFormat="1" applyFont="1" applyFill="1" applyBorder="1" applyAlignment="1">
      <alignment horizontal="center" vertical="center"/>
    </xf>
    <xf numFmtId="180" fontId="8" fillId="0" borderId="60" xfId="0" applyNumberFormat="1" applyFont="1" applyFill="1" applyBorder="1" applyAlignment="1">
      <alignment horizontal="center" vertical="center" shrinkToFit="1"/>
    </xf>
    <xf numFmtId="180" fontId="8" fillId="0" borderId="48" xfId="0" applyNumberFormat="1" applyFont="1" applyFill="1" applyBorder="1" applyAlignment="1">
      <alignment horizontal="center" vertical="center"/>
    </xf>
    <xf numFmtId="0" fontId="8" fillId="0" borderId="48" xfId="0" applyFont="1" applyFill="1" applyBorder="1" applyAlignment="1">
      <alignment horizontal="center" vertical="center"/>
    </xf>
    <xf numFmtId="0" fontId="8" fillId="0" borderId="11" xfId="0" applyFont="1" applyFill="1" applyBorder="1" applyAlignment="1">
      <alignment horizontal="distributed" vertical="center" wrapText="1" indent="1"/>
    </xf>
    <xf numFmtId="0" fontId="8" fillId="0" borderId="16" xfId="0" applyFont="1" applyFill="1" applyBorder="1" applyAlignment="1">
      <alignment horizontal="distributed" vertical="center" wrapText="1" indent="1"/>
    </xf>
    <xf numFmtId="0" fontId="8" fillId="0" borderId="62" xfId="0" applyFont="1" applyFill="1" applyBorder="1" applyAlignment="1">
      <alignment horizontal="center" vertical="center"/>
    </xf>
    <xf numFmtId="180" fontId="8" fillId="0" borderId="40" xfId="0" applyNumberFormat="1" applyFont="1" applyFill="1" applyBorder="1" applyAlignment="1">
      <alignment horizontal="distributed" vertical="center"/>
    </xf>
    <xf numFmtId="180" fontId="6" fillId="0" borderId="40" xfId="0" applyNumberFormat="1" applyFont="1" applyFill="1" applyBorder="1" applyAlignment="1">
      <alignment horizontal="distributed" vertical="center"/>
    </xf>
    <xf numFmtId="180" fontId="8" fillId="0" borderId="64" xfId="0" applyNumberFormat="1" applyFont="1" applyFill="1" applyBorder="1" applyAlignment="1">
      <alignment horizontal="center" vertical="center"/>
    </xf>
    <xf numFmtId="180" fontId="4" fillId="0" borderId="0" xfId="0" applyNumberFormat="1" applyFont="1" applyAlignment="1">
      <alignment vertical="center"/>
    </xf>
    <xf numFmtId="180" fontId="8" fillId="0" borderId="0" xfId="0" applyNumberFormat="1" applyFont="1" applyAlignment="1">
      <alignment horizontal="distributed" vertical="center"/>
    </xf>
    <xf numFmtId="180" fontId="25" fillId="0" borderId="0" xfId="0" applyNumberFormat="1" applyFont="1" applyAlignment="1">
      <alignment vertical="center"/>
    </xf>
    <xf numFmtId="180" fontId="21" fillId="0" borderId="0" xfId="0" applyNumberFormat="1" applyFont="1" applyAlignment="1">
      <alignment vertical="center"/>
    </xf>
    <xf numFmtId="180" fontId="8" fillId="0" borderId="0" xfId="0" applyNumberFormat="1" applyFont="1" applyAlignment="1">
      <alignment vertical="center"/>
    </xf>
    <xf numFmtId="180" fontId="8" fillId="0" borderId="0" xfId="0" applyNumberFormat="1" applyFont="1" applyAlignment="1">
      <alignment horizontal="distributed" vertical="center"/>
    </xf>
    <xf numFmtId="180" fontId="0" fillId="0" borderId="0" xfId="0" applyNumberFormat="1" applyAlignment="1">
      <alignment vertical="top"/>
    </xf>
    <xf numFmtId="180" fontId="8" fillId="0" borderId="0" xfId="0" applyNumberFormat="1" applyFont="1" applyAlignment="1">
      <alignment vertical="top"/>
    </xf>
    <xf numFmtId="180" fontId="26" fillId="0" borderId="0" xfId="0" applyNumberFormat="1" applyFont="1" applyAlignment="1">
      <alignment vertical="top"/>
    </xf>
    <xf numFmtId="180" fontId="8" fillId="0" borderId="17" xfId="0" applyNumberFormat="1" applyFont="1" applyBorder="1" applyAlignment="1">
      <alignment horizontal="right" vertical="top"/>
    </xf>
    <xf numFmtId="180" fontId="8" fillId="0" borderId="3" xfId="0" applyNumberFormat="1" applyFont="1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180" fontId="8" fillId="0" borderId="3" xfId="0" applyNumberFormat="1" applyFont="1" applyBorder="1" applyAlignment="1">
      <alignment horizontal="center" vertical="center"/>
    </xf>
    <xf numFmtId="180" fontId="8" fillId="0" borderId="64" xfId="0" applyNumberFormat="1" applyFont="1" applyBorder="1" applyAlignment="1">
      <alignment horizontal="distributed" vertical="center"/>
    </xf>
    <xf numFmtId="180" fontId="8" fillId="0" borderId="7" xfId="0" applyNumberFormat="1" applyFont="1" applyBorder="1" applyAlignment="1">
      <alignment vertical="center"/>
    </xf>
    <xf numFmtId="180" fontId="8" fillId="0" borderId="0" xfId="0" applyNumberFormat="1" applyFont="1" applyAlignment="1">
      <alignment horizontal="center" vertical="center"/>
    </xf>
    <xf numFmtId="0" fontId="0" fillId="0" borderId="9" xfId="0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0" fillId="0" borderId="12" xfId="0" applyBorder="1" applyAlignment="1">
      <alignment horizontal="center" vertical="center" wrapText="1"/>
    </xf>
    <xf numFmtId="180" fontId="8" fillId="0" borderId="22" xfId="0" applyNumberFormat="1" applyFont="1" applyBorder="1" applyAlignment="1">
      <alignment horizontal="center" vertical="center"/>
    </xf>
    <xf numFmtId="180" fontId="8" fillId="0" borderId="23" xfId="0" applyNumberFormat="1" applyFont="1" applyBorder="1" applyAlignment="1">
      <alignment horizontal="center" vertical="center"/>
    </xf>
    <xf numFmtId="180" fontId="8" fillId="0" borderId="24" xfId="0" applyNumberFormat="1" applyFont="1" applyBorder="1" applyAlignment="1">
      <alignment horizontal="center" vertical="center"/>
    </xf>
    <xf numFmtId="180" fontId="8" fillId="0" borderId="25" xfId="0" applyNumberFormat="1" applyFont="1" applyBorder="1" applyAlignment="1">
      <alignment horizontal="center" vertical="center"/>
    </xf>
    <xf numFmtId="180" fontId="8" fillId="0" borderId="56" xfId="0" applyNumberFormat="1" applyFont="1" applyBorder="1" applyAlignment="1">
      <alignment vertical="center"/>
    </xf>
    <xf numFmtId="180" fontId="8" fillId="0" borderId="54" xfId="0" applyNumberFormat="1" applyFont="1" applyBorder="1" applyAlignment="1">
      <alignment vertical="center"/>
    </xf>
    <xf numFmtId="180" fontId="8" fillId="0" borderId="65" xfId="0" applyNumberFormat="1" applyFont="1" applyBorder="1" applyAlignment="1">
      <alignment horizontal="center" vertical="center"/>
    </xf>
    <xf numFmtId="180" fontId="8" fillId="0" borderId="53" xfId="0" applyNumberFormat="1" applyFont="1" applyBorder="1" applyAlignment="1">
      <alignment horizontal="center" vertical="center"/>
    </xf>
    <xf numFmtId="180" fontId="8" fillId="0" borderId="56" xfId="0" applyNumberFormat="1" applyFont="1" applyBorder="1" applyAlignment="1">
      <alignment horizontal="center" vertical="center"/>
    </xf>
    <xf numFmtId="180" fontId="8" fillId="0" borderId="53" xfId="0" applyNumberFormat="1" applyFont="1" applyBorder="1" applyAlignment="1">
      <alignment horizontal="center" vertical="center"/>
    </xf>
    <xf numFmtId="180" fontId="8" fillId="0" borderId="100" xfId="0" applyNumberFormat="1" applyFont="1" applyBorder="1" applyAlignment="1">
      <alignment horizontal="center" vertical="center"/>
    </xf>
    <xf numFmtId="180" fontId="8" fillId="0" borderId="11" xfId="0" applyNumberFormat="1" applyFont="1" applyBorder="1" applyAlignment="1">
      <alignment horizontal="center" vertical="center"/>
    </xf>
    <xf numFmtId="180" fontId="8" fillId="0" borderId="52" xfId="0" applyNumberFormat="1" applyFont="1" applyBorder="1" applyAlignment="1">
      <alignment horizontal="center" vertical="center"/>
    </xf>
    <xf numFmtId="180" fontId="8" fillId="0" borderId="62" xfId="0" applyNumberFormat="1" applyFont="1" applyBorder="1" applyAlignment="1">
      <alignment horizontal="center" vertical="center"/>
    </xf>
    <xf numFmtId="0" fontId="0" fillId="0" borderId="14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0" fontId="0" fillId="0" borderId="18" xfId="0" applyBorder="1" applyAlignment="1">
      <alignment horizontal="center" vertical="center" wrapText="1"/>
    </xf>
    <xf numFmtId="180" fontId="8" fillId="0" borderId="14" xfId="0" applyNumberFormat="1" applyFont="1" applyBorder="1" applyAlignment="1">
      <alignment horizontal="center" vertical="center"/>
    </xf>
    <xf numFmtId="180" fontId="8" fillId="0" borderId="58" xfId="0" applyNumberFormat="1" applyFont="1" applyBorder="1" applyAlignment="1">
      <alignment horizontal="center" vertical="center"/>
    </xf>
    <xf numFmtId="180" fontId="8" fillId="0" borderId="16" xfId="0" applyNumberFormat="1" applyFont="1" applyBorder="1" applyAlignment="1">
      <alignment horizontal="center" vertical="center"/>
    </xf>
    <xf numFmtId="180" fontId="8" fillId="0" borderId="58" xfId="0" applyNumberFormat="1" applyFont="1" applyBorder="1" applyAlignment="1">
      <alignment horizontal="center" vertical="center"/>
    </xf>
    <xf numFmtId="180" fontId="8" fillId="0" borderId="15" xfId="0" applyNumberFormat="1" applyFont="1" applyBorder="1" applyAlignment="1">
      <alignment horizontal="center" vertical="center"/>
    </xf>
    <xf numFmtId="180" fontId="8" fillId="0" borderId="59" xfId="0" applyNumberFormat="1" applyFont="1" applyBorder="1" applyAlignment="1">
      <alignment horizontal="center" vertical="center"/>
    </xf>
    <xf numFmtId="180" fontId="8" fillId="0" borderId="60" xfId="0" applyNumberFormat="1" applyFont="1" applyBorder="1" applyAlignment="1">
      <alignment horizontal="center" vertical="center"/>
    </xf>
    <xf numFmtId="180" fontId="8" fillId="0" borderId="0" xfId="0" applyNumberFormat="1" applyFont="1" applyAlignment="1">
      <alignment horizontal="right" vertical="center"/>
    </xf>
    <xf numFmtId="180" fontId="8" fillId="0" borderId="63" xfId="0" applyNumberFormat="1" applyFont="1" applyBorder="1" applyAlignment="1">
      <alignment horizontal="distributed" vertical="center"/>
    </xf>
    <xf numFmtId="180" fontId="8" fillId="0" borderId="33" xfId="0" applyNumberFormat="1" applyFont="1" applyBorder="1" applyAlignment="1">
      <alignment horizontal="distributed" vertical="center"/>
    </xf>
    <xf numFmtId="180" fontId="8" fillId="0" borderId="9" xfId="0" applyNumberFormat="1" applyFont="1" applyBorder="1" applyAlignment="1" applyProtection="1">
      <alignment horizontal="right" vertical="center"/>
      <protection locked="0"/>
    </xf>
    <xf numFmtId="180" fontId="8" fillId="0" borderId="49" xfId="0" applyNumberFormat="1" applyFont="1" applyBorder="1" applyAlignment="1" applyProtection="1">
      <alignment horizontal="right" vertical="center"/>
      <protection locked="0"/>
    </xf>
    <xf numFmtId="180" fontId="8" fillId="0" borderId="0" xfId="0" applyNumberFormat="1" applyFont="1" applyAlignment="1" applyProtection="1">
      <alignment horizontal="right" vertical="center"/>
      <protection locked="0"/>
    </xf>
    <xf numFmtId="180" fontId="8" fillId="0" borderId="11" xfId="0" applyNumberFormat="1" applyFont="1" applyBorder="1" applyAlignment="1" applyProtection="1">
      <alignment horizontal="right" vertical="center"/>
      <protection locked="0"/>
    </xf>
    <xf numFmtId="180" fontId="8" fillId="0" borderId="62" xfId="0" applyNumberFormat="1" applyFont="1" applyBorder="1" applyAlignment="1">
      <alignment horizontal="right" vertical="center"/>
    </xf>
    <xf numFmtId="180" fontId="8" fillId="0" borderId="48" xfId="0" applyNumberFormat="1" applyFont="1" applyBorder="1" applyAlignment="1" applyProtection="1">
      <alignment horizontal="right" vertical="center"/>
      <protection locked="0"/>
    </xf>
    <xf numFmtId="180" fontId="8" fillId="0" borderId="9" xfId="0" applyNumberFormat="1" applyFont="1" applyBorder="1" applyAlignment="1">
      <alignment horizontal="right" vertical="center"/>
    </xf>
    <xf numFmtId="180" fontId="8" fillId="0" borderId="49" xfId="0" applyNumberFormat="1" applyFont="1" applyBorder="1" applyAlignment="1">
      <alignment horizontal="right" vertical="center"/>
    </xf>
    <xf numFmtId="180" fontId="8" fillId="0" borderId="11" xfId="0" applyNumberFormat="1" applyFont="1" applyBorder="1" applyAlignment="1">
      <alignment horizontal="right" vertical="center"/>
    </xf>
    <xf numFmtId="180" fontId="8" fillId="0" borderId="22" xfId="0" applyNumberFormat="1" applyFont="1" applyBorder="1" applyAlignment="1">
      <alignment horizontal="distributed" vertical="center"/>
    </xf>
    <xf numFmtId="180" fontId="8" fillId="0" borderId="25" xfId="0" applyNumberFormat="1" applyFont="1" applyBorder="1" applyAlignment="1">
      <alignment horizontal="distributed" vertical="center"/>
    </xf>
    <xf numFmtId="180" fontId="8" fillId="0" borderId="26" xfId="0" applyNumberFormat="1" applyFont="1" applyBorder="1" applyAlignment="1">
      <alignment horizontal="distributed" vertical="center"/>
    </xf>
    <xf numFmtId="180" fontId="8" fillId="0" borderId="22" xfId="0" applyNumberFormat="1" applyFont="1" applyBorder="1" applyAlignment="1" applyProtection="1">
      <alignment horizontal="right" vertical="center"/>
      <protection locked="0"/>
    </xf>
    <xf numFmtId="180" fontId="8" fillId="0" borderId="1" xfId="0" applyNumberFormat="1" applyFont="1" applyBorder="1" applyAlignment="1" applyProtection="1">
      <alignment horizontal="right" vertical="center"/>
      <protection locked="0"/>
    </xf>
    <xf numFmtId="180" fontId="8" fillId="0" borderId="25" xfId="0" applyNumberFormat="1" applyFont="1" applyBorder="1" applyAlignment="1" applyProtection="1">
      <alignment horizontal="right" vertical="center"/>
      <protection locked="0"/>
    </xf>
    <xf numFmtId="180" fontId="8" fillId="0" borderId="24" xfId="0" applyNumberFormat="1" applyFont="1" applyBorder="1" applyAlignment="1" applyProtection="1">
      <alignment horizontal="right" vertical="center"/>
      <protection locked="0"/>
    </xf>
    <xf numFmtId="180" fontId="8" fillId="0" borderId="70" xfId="0" applyNumberFormat="1" applyFont="1" applyBorder="1" applyAlignment="1">
      <alignment horizontal="right" vertical="center"/>
    </xf>
    <xf numFmtId="180" fontId="8" fillId="0" borderId="83" xfId="0" applyNumberFormat="1" applyFont="1" applyBorder="1" applyAlignment="1" applyProtection="1">
      <alignment horizontal="right" vertical="center"/>
      <protection locked="0"/>
    </xf>
    <xf numFmtId="180" fontId="8" fillId="0" borderId="22" xfId="0" applyNumberFormat="1" applyFont="1" applyBorder="1" applyAlignment="1">
      <alignment horizontal="right" vertical="center"/>
    </xf>
    <xf numFmtId="180" fontId="8" fillId="0" borderId="1" xfId="0" applyNumberFormat="1" applyFont="1" applyBorder="1" applyAlignment="1">
      <alignment horizontal="right" vertical="center"/>
    </xf>
    <xf numFmtId="180" fontId="8" fillId="0" borderId="25" xfId="0" applyNumberFormat="1" applyFont="1" applyBorder="1" applyAlignment="1">
      <alignment horizontal="right" vertical="center"/>
    </xf>
    <xf numFmtId="180" fontId="8" fillId="0" borderId="24" xfId="0" applyNumberFormat="1" applyFont="1" applyBorder="1" applyAlignment="1">
      <alignment horizontal="right" vertical="center"/>
    </xf>
    <xf numFmtId="180" fontId="8" fillId="0" borderId="50" xfId="0" applyNumberFormat="1" applyFont="1" applyBorder="1" applyAlignment="1" applyProtection="1">
      <alignment horizontal="right" vertical="center"/>
      <protection locked="0"/>
    </xf>
    <xf numFmtId="180" fontId="8" fillId="0" borderId="43" xfId="0" applyNumberFormat="1" applyFont="1" applyBorder="1" applyAlignment="1" applyProtection="1">
      <alignment horizontal="right" vertical="center"/>
      <protection locked="0"/>
    </xf>
    <xf numFmtId="180" fontId="8" fillId="0" borderId="51" xfId="0" applyNumberFormat="1" applyFont="1" applyBorder="1" applyAlignment="1">
      <alignment horizontal="right" vertical="center"/>
    </xf>
    <xf numFmtId="180" fontId="8" fillId="0" borderId="50" xfId="0" applyNumberFormat="1" applyFont="1" applyBorder="1" applyAlignment="1">
      <alignment horizontal="right" vertical="center"/>
    </xf>
    <xf numFmtId="180" fontId="8" fillId="0" borderId="43" xfId="0" applyNumberFormat="1" applyFont="1" applyBorder="1" applyAlignment="1">
      <alignment horizontal="right" vertical="center"/>
    </xf>
    <xf numFmtId="180" fontId="8" fillId="0" borderId="28" xfId="0" applyNumberFormat="1" applyFont="1" applyBorder="1" applyAlignment="1">
      <alignment horizontal="distributed" vertical="center"/>
    </xf>
    <xf numFmtId="180" fontId="8" fillId="0" borderId="31" xfId="0" applyNumberFormat="1" applyFont="1" applyBorder="1" applyAlignment="1">
      <alignment horizontal="distributed" vertical="center"/>
    </xf>
    <xf numFmtId="180" fontId="8" fillId="0" borderId="32" xfId="0" applyNumberFormat="1" applyFont="1" applyBorder="1" applyAlignment="1">
      <alignment horizontal="distributed" vertical="center"/>
    </xf>
    <xf numFmtId="180" fontId="8" fillId="0" borderId="28" xfId="0" applyNumberFormat="1" applyFont="1" applyBorder="1" applyAlignment="1" applyProtection="1">
      <alignment horizontal="right" vertical="center"/>
      <protection locked="0"/>
    </xf>
    <xf numFmtId="180" fontId="8" fillId="0" borderId="71" xfId="0" applyNumberFormat="1" applyFont="1" applyBorder="1" applyAlignment="1" applyProtection="1">
      <alignment horizontal="right" vertical="center"/>
      <protection locked="0"/>
    </xf>
    <xf numFmtId="180" fontId="8" fillId="0" borderId="31" xfId="0" applyNumberFormat="1" applyFont="1" applyBorder="1" applyAlignment="1" applyProtection="1">
      <alignment horizontal="right" vertical="center"/>
      <protection locked="0"/>
    </xf>
    <xf numFmtId="180" fontId="8" fillId="0" borderId="30" xfId="0" applyNumberFormat="1" applyFont="1" applyBorder="1" applyAlignment="1" applyProtection="1">
      <alignment horizontal="right" vertical="center"/>
      <protection locked="0"/>
    </xf>
    <xf numFmtId="180" fontId="8" fillId="0" borderId="66" xfId="0" applyNumberFormat="1" applyFont="1" applyBorder="1" applyAlignment="1">
      <alignment horizontal="right" vertical="center"/>
    </xf>
    <xf numFmtId="180" fontId="8" fillId="0" borderId="98" xfId="0" applyNumberFormat="1" applyFont="1" applyBorder="1" applyAlignment="1" applyProtection="1">
      <alignment horizontal="right" vertical="center"/>
      <protection locked="0"/>
    </xf>
    <xf numFmtId="180" fontId="8" fillId="0" borderId="28" xfId="0" applyNumberFormat="1" applyFont="1" applyBorder="1" applyAlignment="1">
      <alignment horizontal="right" vertical="center"/>
    </xf>
    <xf numFmtId="180" fontId="8" fillId="0" borderId="71" xfId="0" applyNumberFormat="1" applyFont="1" applyBorder="1" applyAlignment="1">
      <alignment horizontal="right" vertical="center"/>
    </xf>
    <xf numFmtId="180" fontId="8" fillId="0" borderId="31" xfId="0" applyNumberFormat="1" applyFont="1" applyBorder="1" applyAlignment="1">
      <alignment horizontal="right" vertical="center"/>
    </xf>
    <xf numFmtId="180" fontId="8" fillId="0" borderId="30" xfId="0" applyNumberFormat="1" applyFont="1" applyBorder="1" applyAlignment="1">
      <alignment horizontal="right" vertical="center"/>
    </xf>
    <xf numFmtId="180" fontId="8" fillId="0" borderId="34" xfId="0" applyNumberFormat="1" applyFont="1" applyBorder="1" applyAlignment="1" applyProtection="1">
      <alignment horizontal="right" vertical="center"/>
      <protection locked="0"/>
    </xf>
    <xf numFmtId="180" fontId="8" fillId="0" borderId="35" xfId="0" applyNumberFormat="1" applyFont="1" applyBorder="1" applyAlignment="1" applyProtection="1">
      <alignment horizontal="right" vertical="center"/>
      <protection locked="0"/>
    </xf>
    <xf numFmtId="180" fontId="8" fillId="0" borderId="55" xfId="0" applyNumberFormat="1" applyFont="1" applyBorder="1" applyAlignment="1" applyProtection="1">
      <alignment horizontal="right" vertical="center"/>
      <protection locked="0"/>
    </xf>
    <xf numFmtId="180" fontId="8" fillId="0" borderId="34" xfId="0" applyNumberFormat="1" applyFont="1" applyBorder="1" applyAlignment="1">
      <alignment horizontal="right" vertical="center"/>
    </xf>
    <xf numFmtId="180" fontId="8" fillId="0" borderId="35" xfId="0" applyNumberFormat="1" applyFont="1" applyBorder="1" applyAlignment="1">
      <alignment horizontal="right" vertical="center"/>
    </xf>
    <xf numFmtId="180" fontId="8" fillId="0" borderId="65" xfId="0" applyNumberFormat="1" applyFont="1" applyBorder="1" applyAlignment="1" applyProtection="1">
      <alignment horizontal="right" vertical="center"/>
      <protection locked="0"/>
    </xf>
    <xf numFmtId="180" fontId="8" fillId="0" borderId="53" xfId="0" applyNumberFormat="1" applyFont="1" applyBorder="1" applyAlignment="1" applyProtection="1">
      <alignment horizontal="right" vertical="center"/>
      <protection locked="0"/>
    </xf>
    <xf numFmtId="180" fontId="8" fillId="0" borderId="72" xfId="0" applyNumberFormat="1" applyFont="1" applyBorder="1" applyAlignment="1" applyProtection="1">
      <alignment horizontal="right" vertical="center"/>
      <protection locked="0"/>
    </xf>
    <xf numFmtId="180" fontId="8" fillId="0" borderId="56" xfId="0" applyNumberFormat="1" applyFont="1" applyBorder="1" applyAlignment="1" applyProtection="1">
      <alignment horizontal="right" vertical="center"/>
      <protection locked="0"/>
    </xf>
    <xf numFmtId="180" fontId="8" fillId="0" borderId="54" xfId="0" applyNumberFormat="1" applyFont="1" applyBorder="1" applyAlignment="1">
      <alignment horizontal="right" vertical="center"/>
    </xf>
    <xf numFmtId="180" fontId="8" fillId="0" borderId="52" xfId="0" applyNumberFormat="1" applyFont="1" applyBorder="1" applyAlignment="1" applyProtection="1">
      <alignment horizontal="right" vertical="center"/>
      <protection locked="0"/>
    </xf>
    <xf numFmtId="180" fontId="8" fillId="0" borderId="65" xfId="0" applyNumberFormat="1" applyFont="1" applyBorder="1" applyAlignment="1">
      <alignment horizontal="right" vertical="center"/>
    </xf>
    <xf numFmtId="180" fontId="8" fillId="0" borderId="53" xfId="0" applyNumberFormat="1" applyFont="1" applyBorder="1" applyAlignment="1">
      <alignment horizontal="right" vertical="center"/>
    </xf>
    <xf numFmtId="180" fontId="8" fillId="0" borderId="72" xfId="0" applyNumberFormat="1" applyFont="1" applyBorder="1" applyAlignment="1">
      <alignment horizontal="right" vertical="center"/>
    </xf>
    <xf numFmtId="180" fontId="8" fillId="0" borderId="56" xfId="0" applyNumberFormat="1" applyFont="1" applyBorder="1" applyAlignment="1">
      <alignment horizontal="right" vertical="center"/>
    </xf>
    <xf numFmtId="180" fontId="8" fillId="0" borderId="38" xfId="0" applyNumberFormat="1" applyFont="1" applyBorder="1" applyAlignment="1">
      <alignment vertical="center"/>
    </xf>
    <xf numFmtId="180" fontId="8" fillId="0" borderId="40" xfId="0" applyNumberFormat="1" applyFont="1" applyBorder="1" applyAlignment="1">
      <alignment horizontal="center" vertical="center"/>
    </xf>
    <xf numFmtId="180" fontId="8" fillId="0" borderId="40" xfId="0" applyNumberFormat="1" applyFont="1" applyBorder="1" applyAlignment="1">
      <alignment vertical="center"/>
    </xf>
    <xf numFmtId="180" fontId="8" fillId="0" borderId="38" xfId="0" applyNumberFormat="1" applyFont="1" applyBorder="1" applyAlignment="1">
      <alignment horizontal="right" vertical="center"/>
    </xf>
    <xf numFmtId="180" fontId="8" fillId="0" borderId="73" xfId="0" applyNumberFormat="1" applyFont="1" applyBorder="1" applyAlignment="1">
      <alignment horizontal="right" vertical="center"/>
    </xf>
    <xf numFmtId="180" fontId="8" fillId="0" borderId="40" xfId="0" applyNumberFormat="1" applyFont="1" applyBorder="1" applyAlignment="1">
      <alignment horizontal="right" vertical="center"/>
    </xf>
    <xf numFmtId="180" fontId="8" fillId="0" borderId="42" xfId="0" applyNumberFormat="1" applyFont="1" applyBorder="1" applyAlignment="1">
      <alignment horizontal="right" vertical="center"/>
    </xf>
    <xf numFmtId="180" fontId="8" fillId="0" borderId="74" xfId="0" applyNumberFormat="1" applyFont="1" applyBorder="1" applyAlignment="1">
      <alignment horizontal="right" vertical="center"/>
    </xf>
    <xf numFmtId="180" fontId="8" fillId="0" borderId="103" xfId="0" applyNumberFormat="1" applyFont="1" applyBorder="1" applyAlignment="1">
      <alignment horizontal="right" vertical="center"/>
    </xf>
    <xf numFmtId="180" fontId="8" fillId="0" borderId="63" xfId="0" applyNumberFormat="1" applyFont="1" applyBorder="1" applyAlignment="1" applyProtection="1">
      <alignment horizontal="right" vertical="center"/>
      <protection locked="0"/>
    </xf>
    <xf numFmtId="180" fontId="8" fillId="0" borderId="69" xfId="0" applyNumberFormat="1" applyFont="1" applyBorder="1" applyAlignment="1" applyProtection="1">
      <alignment horizontal="right" vertical="center"/>
      <protection locked="0"/>
    </xf>
    <xf numFmtId="180" fontId="8" fillId="0" borderId="64" xfId="0" applyNumberFormat="1" applyFont="1" applyBorder="1" applyAlignment="1" applyProtection="1">
      <alignment horizontal="right" vertical="center"/>
      <protection locked="0"/>
    </xf>
    <xf numFmtId="180" fontId="8" fillId="0" borderId="67" xfId="0" applyNumberFormat="1" applyFont="1" applyBorder="1" applyAlignment="1" applyProtection="1">
      <alignment horizontal="right" vertical="center"/>
      <protection locked="0"/>
    </xf>
    <xf numFmtId="180" fontId="8" fillId="0" borderId="68" xfId="0" applyNumberFormat="1" applyFont="1" applyBorder="1" applyAlignment="1">
      <alignment horizontal="right" vertical="center"/>
    </xf>
    <xf numFmtId="180" fontId="8" fillId="0" borderId="102" xfId="0" applyNumberFormat="1" applyFont="1" applyBorder="1" applyAlignment="1" applyProtection="1">
      <alignment horizontal="right" vertical="center"/>
      <protection locked="0"/>
    </xf>
    <xf numFmtId="180" fontId="8" fillId="0" borderId="63" xfId="0" applyNumberFormat="1" applyFont="1" applyBorder="1" applyAlignment="1">
      <alignment horizontal="right" vertical="center"/>
    </xf>
    <xf numFmtId="180" fontId="8" fillId="0" borderId="69" xfId="0" applyNumberFormat="1" applyFont="1" applyBorder="1" applyAlignment="1">
      <alignment horizontal="right" vertical="center"/>
    </xf>
    <xf numFmtId="180" fontId="8" fillId="0" borderId="64" xfId="0" applyNumberFormat="1" applyFont="1" applyBorder="1" applyAlignment="1">
      <alignment horizontal="right" vertical="center"/>
    </xf>
    <xf numFmtId="180" fontId="8" fillId="0" borderId="67" xfId="0" applyNumberFormat="1" applyFont="1" applyBorder="1" applyAlignment="1">
      <alignment horizontal="right" vertical="center"/>
    </xf>
    <xf numFmtId="180" fontId="8" fillId="0" borderId="3" xfId="0" applyNumberFormat="1" applyFont="1" applyBorder="1" applyAlignment="1">
      <alignment vertical="center"/>
    </xf>
    <xf numFmtId="180" fontId="8" fillId="0" borderId="6" xfId="0" applyNumberFormat="1" applyFont="1" applyBorder="1" applyAlignment="1">
      <alignment horizontal="center" vertical="center"/>
    </xf>
    <xf numFmtId="180" fontId="8" fillId="0" borderId="6" xfId="0" applyNumberFormat="1" applyFont="1" applyBorder="1" applyAlignment="1">
      <alignment vertical="center"/>
    </xf>
    <xf numFmtId="180" fontId="8" fillId="0" borderId="3" xfId="0" applyNumberFormat="1" applyFont="1" applyBorder="1" applyAlignment="1">
      <alignment horizontal="right" vertical="center"/>
    </xf>
    <xf numFmtId="180" fontId="8" fillId="0" borderId="46" xfId="0" applyNumberFormat="1" applyFont="1" applyBorder="1" applyAlignment="1">
      <alignment horizontal="right" vertical="center"/>
    </xf>
    <xf numFmtId="180" fontId="8" fillId="0" borderId="6" xfId="0" applyNumberFormat="1" applyFont="1" applyBorder="1" applyAlignment="1">
      <alignment horizontal="right" vertical="center"/>
    </xf>
    <xf numFmtId="180" fontId="8" fillId="0" borderId="5" xfId="0" applyNumberFormat="1" applyFont="1" applyBorder="1" applyAlignment="1">
      <alignment horizontal="right" vertical="center"/>
    </xf>
    <xf numFmtId="180" fontId="8" fillId="0" borderId="47" xfId="0" applyNumberFormat="1" applyFont="1" applyBorder="1" applyAlignment="1">
      <alignment horizontal="right" vertical="center"/>
    </xf>
    <xf numFmtId="180" fontId="8" fillId="0" borderId="45" xfId="0" applyNumberFormat="1" applyFont="1" applyBorder="1" applyAlignment="1">
      <alignment horizontal="right" vertical="center"/>
    </xf>
    <xf numFmtId="180" fontId="8" fillId="0" borderId="82" xfId="0" applyNumberFormat="1" applyFont="1" applyBorder="1" applyAlignment="1">
      <alignment vertical="center"/>
    </xf>
    <xf numFmtId="180" fontId="8" fillId="0" borderId="80" xfId="0" applyNumberFormat="1" applyFont="1" applyBorder="1" applyAlignment="1">
      <alignment horizontal="center" vertical="center"/>
    </xf>
    <xf numFmtId="180" fontId="8" fillId="0" borderId="80" xfId="0" applyNumberFormat="1" applyFont="1" applyBorder="1" applyAlignment="1">
      <alignment vertical="center"/>
    </xf>
    <xf numFmtId="180" fontId="8" fillId="0" borderId="82" xfId="0" applyNumberFormat="1" applyFont="1" applyBorder="1" applyAlignment="1">
      <alignment horizontal="right" vertical="center"/>
    </xf>
    <xf numFmtId="180" fontId="8" fillId="0" borderId="79" xfId="0" applyNumberFormat="1" applyFont="1" applyBorder="1" applyAlignment="1">
      <alignment horizontal="right" vertical="center"/>
    </xf>
    <xf numFmtId="180" fontId="8" fillId="0" borderId="80" xfId="0" applyNumberFormat="1" applyFont="1" applyBorder="1" applyAlignment="1">
      <alignment horizontal="right" vertical="center"/>
    </xf>
    <xf numFmtId="180" fontId="8" fillId="0" borderId="101" xfId="0" applyNumberFormat="1" applyFont="1" applyBorder="1" applyAlignment="1">
      <alignment horizontal="right" vertical="center"/>
    </xf>
    <xf numFmtId="180" fontId="8" fillId="0" borderId="81" xfId="0" applyNumberFormat="1" applyFont="1" applyBorder="1" applyAlignment="1">
      <alignment horizontal="right" vertical="center"/>
    </xf>
    <xf numFmtId="180" fontId="8" fillId="0" borderId="76" xfId="0" applyNumberFormat="1" applyFont="1" applyBorder="1" applyAlignment="1">
      <alignment horizontal="right" vertical="center"/>
    </xf>
    <xf numFmtId="180" fontId="8" fillId="0" borderId="63" xfId="0" applyNumberFormat="1" applyFont="1" applyBorder="1" applyAlignment="1">
      <alignment horizontal="distributed" vertical="center" wrapText="1"/>
    </xf>
    <xf numFmtId="180" fontId="8" fillId="0" borderId="64" xfId="0" applyNumberFormat="1" applyFont="1" applyBorder="1" applyAlignment="1">
      <alignment horizontal="distributed" vertical="center" wrapText="1"/>
    </xf>
    <xf numFmtId="180" fontId="8" fillId="0" borderId="99" xfId="0" applyNumberFormat="1" applyFont="1" applyBorder="1" applyAlignment="1" applyProtection="1">
      <alignment horizontal="right" vertical="center"/>
      <protection locked="0"/>
    </xf>
    <xf numFmtId="180" fontId="8" fillId="0" borderId="22" xfId="0" applyNumberFormat="1" applyFont="1" applyBorder="1" applyAlignment="1">
      <alignment horizontal="distributed" vertical="center" wrapText="1"/>
    </xf>
    <xf numFmtId="180" fontId="8" fillId="0" borderId="25" xfId="0" applyNumberFormat="1" applyFont="1" applyBorder="1" applyAlignment="1">
      <alignment horizontal="distributed" vertical="center" wrapText="1"/>
    </xf>
    <xf numFmtId="180" fontId="8" fillId="0" borderId="23" xfId="0" applyNumberFormat="1" applyFont="1" applyBorder="1" applyAlignment="1" applyProtection="1">
      <alignment horizontal="right" vertical="center"/>
      <protection locked="0"/>
    </xf>
    <xf numFmtId="180" fontId="8" fillId="0" borderId="28" xfId="0" applyNumberFormat="1" applyFont="1" applyBorder="1" applyAlignment="1">
      <alignment horizontal="distributed" vertical="center" wrapText="1"/>
    </xf>
    <xf numFmtId="180" fontId="8" fillId="0" borderId="31" xfId="0" applyNumberFormat="1" applyFont="1" applyBorder="1" applyAlignment="1">
      <alignment horizontal="distributed" vertical="center" wrapText="1"/>
    </xf>
    <xf numFmtId="180" fontId="8" fillId="0" borderId="17" xfId="0" applyNumberFormat="1" applyFont="1" applyBorder="1" applyAlignment="1" applyProtection="1">
      <alignment horizontal="right" vertical="center"/>
      <protection locked="0"/>
    </xf>
    <xf numFmtId="180" fontId="8" fillId="0" borderId="58" xfId="0" applyNumberFormat="1" applyFont="1" applyBorder="1" applyAlignment="1" applyProtection="1">
      <alignment horizontal="right" vertical="center"/>
      <protection locked="0"/>
    </xf>
    <xf numFmtId="180" fontId="8" fillId="0" borderId="16" xfId="0" applyNumberFormat="1" applyFont="1" applyBorder="1" applyAlignment="1" applyProtection="1">
      <alignment horizontal="right" vertical="center"/>
      <protection locked="0"/>
    </xf>
    <xf numFmtId="180" fontId="8" fillId="0" borderId="60" xfId="0" applyNumberFormat="1" applyFont="1" applyBorder="1" applyAlignment="1">
      <alignment horizontal="right" vertical="center"/>
    </xf>
    <xf numFmtId="180" fontId="8" fillId="0" borderId="14" xfId="0" applyNumberFormat="1" applyFont="1" applyBorder="1" applyAlignment="1">
      <alignment horizontal="right" vertical="center"/>
    </xf>
    <xf numFmtId="180" fontId="8" fillId="0" borderId="58" xfId="0" applyNumberFormat="1" applyFont="1" applyBorder="1" applyAlignment="1">
      <alignment horizontal="right" vertical="center"/>
    </xf>
    <xf numFmtId="180" fontId="8" fillId="0" borderId="17" xfId="0" applyNumberFormat="1" applyFont="1" applyBorder="1" applyAlignment="1">
      <alignment horizontal="right" vertical="center"/>
    </xf>
    <xf numFmtId="180" fontId="8" fillId="0" borderId="16" xfId="0" applyNumberFormat="1" applyFont="1" applyBorder="1" applyAlignment="1">
      <alignment horizontal="right" vertical="center"/>
    </xf>
    <xf numFmtId="180" fontId="8" fillId="0" borderId="38" xfId="0" applyNumberFormat="1" applyFont="1" applyBorder="1" applyAlignment="1">
      <alignment horizontal="center" vertical="center"/>
    </xf>
    <xf numFmtId="180" fontId="8" fillId="0" borderId="40" xfId="0" applyNumberFormat="1" applyFont="1" applyBorder="1" applyAlignment="1">
      <alignment horizontal="center" vertical="center"/>
    </xf>
    <xf numFmtId="180" fontId="8" fillId="0" borderId="41" xfId="0" applyNumberFormat="1" applyFont="1" applyBorder="1" applyAlignment="1">
      <alignment horizontal="center" vertical="center"/>
    </xf>
    <xf numFmtId="180" fontId="8" fillId="0" borderId="41" xfId="0" applyNumberFormat="1" applyFont="1" applyBorder="1" applyAlignment="1">
      <alignment vertical="center"/>
    </xf>
    <xf numFmtId="180" fontId="8" fillId="0" borderId="39" xfId="0" applyNumberFormat="1" applyFont="1" applyBorder="1" applyAlignment="1">
      <alignment horizontal="right" vertical="center"/>
    </xf>
    <xf numFmtId="180" fontId="8" fillId="0" borderId="41" xfId="0" applyNumberFormat="1" applyFont="1" applyBorder="1" applyAlignment="1">
      <alignment horizontal="right" vertical="center"/>
    </xf>
    <xf numFmtId="180" fontId="7" fillId="0" borderId="0" xfId="0" applyNumberFormat="1" applyFont="1" applyAlignment="1">
      <alignment vertical="center"/>
    </xf>
  </cellXfs>
  <cellStyles count="7">
    <cellStyle name="標準" xfId="0" builtinId="0"/>
    <cellStyle name="標準 2" xfId="4" xr:uid="{CDF7DC64-6B54-4A93-92A6-2BAB07605160}"/>
    <cellStyle name="標準 3" xfId="2" xr:uid="{00000000-0005-0000-0000-000002000000}"/>
    <cellStyle name="標準 4" xfId="3" xr:uid="{00000000-0005-0000-0000-000003000000}"/>
    <cellStyle name="標準 5" xfId="5" xr:uid="{68E41427-3FEA-468C-9847-518D12075033}"/>
    <cellStyle name="標準 5 2" xfId="6" xr:uid="{D8EB60B5-268E-43FF-830B-5B74721D6E6A}"/>
    <cellStyle name="標準_Win95地図" xfId="1" xr:uid="{00000000-0005-0000-0000-000005000000}"/>
  </cellStyles>
  <dxfs count="5">
    <dxf>
      <numFmt numFmtId="189" formatCode="\-"/>
    </dxf>
    <dxf>
      <numFmt numFmtId="189" formatCode="\-"/>
    </dxf>
    <dxf>
      <numFmt numFmtId="189" formatCode="\-"/>
    </dxf>
    <dxf>
      <numFmt numFmtId="189" formatCode="\-"/>
    </dxf>
    <dxf>
      <font>
        <strike val="0"/>
      </font>
      <numFmt numFmtId="190" formatCode="&quot;－&quot;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447675</xdr:colOff>
      <xdr:row>13</xdr:row>
      <xdr:rowOff>133350</xdr:rowOff>
    </xdr:from>
    <xdr:to>
      <xdr:col>7</xdr:col>
      <xdr:colOff>161925</xdr:colOff>
      <xdr:row>22</xdr:row>
      <xdr:rowOff>95250</xdr:rowOff>
    </xdr:to>
    <xdr:sp macro="" textlink="">
      <xdr:nvSpPr>
        <xdr:cNvPr id="2" name="d14402" descr="縦線 (破線)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>
          <a:spLocks/>
        </xdr:cNvSpPr>
      </xdr:nvSpPr>
      <xdr:spPr bwMode="auto">
        <a:xfrm>
          <a:off x="2886075" y="3362325"/>
          <a:ext cx="1543050" cy="133350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0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0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0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2147483646 h 16384"/>
            <a:gd name="T102" fmla="*/ 2147483646 w 16384"/>
            <a:gd name="T103" fmla="*/ 2147483646 h 16384"/>
            <a:gd name="T104" fmla="*/ 2147483646 w 16384"/>
            <a:gd name="T105" fmla="*/ 2147483646 h 16384"/>
            <a:gd name="T106" fmla="*/ 2147483646 w 16384"/>
            <a:gd name="T107" fmla="*/ 2147483646 h 16384"/>
            <a:gd name="T108" fmla="*/ 2147483646 w 16384"/>
            <a:gd name="T109" fmla="*/ 2147483646 h 16384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w 16384"/>
            <a:gd name="T166" fmla="*/ 0 h 16384"/>
            <a:gd name="T167" fmla="*/ 16384 w 16384"/>
            <a:gd name="T168" fmla="*/ 16384 h 16384"/>
          </a:gdLst>
          <a:ahLst/>
          <a:cxnLst>
            <a:cxn ang="T110">
              <a:pos x="T0" y="T1"/>
            </a:cxn>
            <a:cxn ang="T111">
              <a:pos x="T2" y="T3"/>
            </a:cxn>
            <a:cxn ang="T112">
              <a:pos x="T4" y="T5"/>
            </a:cxn>
            <a:cxn ang="T113">
              <a:pos x="T6" y="T7"/>
            </a:cxn>
            <a:cxn ang="T114">
              <a:pos x="T8" y="T9"/>
            </a:cxn>
            <a:cxn ang="T115">
              <a:pos x="T10" y="T11"/>
            </a:cxn>
            <a:cxn ang="T116">
              <a:pos x="T12" y="T13"/>
            </a:cxn>
            <a:cxn ang="T117">
              <a:pos x="T14" y="T15"/>
            </a:cxn>
            <a:cxn ang="T118">
              <a:pos x="T16" y="T17"/>
            </a:cxn>
            <a:cxn ang="T119">
              <a:pos x="T18" y="T19"/>
            </a:cxn>
            <a:cxn ang="T120">
              <a:pos x="T20" y="T21"/>
            </a:cxn>
            <a:cxn ang="T121">
              <a:pos x="T22" y="T23"/>
            </a:cxn>
            <a:cxn ang="T122">
              <a:pos x="T24" y="T25"/>
            </a:cxn>
            <a:cxn ang="T123">
              <a:pos x="T26" y="T27"/>
            </a:cxn>
            <a:cxn ang="T124">
              <a:pos x="T28" y="T29"/>
            </a:cxn>
            <a:cxn ang="T125">
              <a:pos x="T30" y="T31"/>
            </a:cxn>
            <a:cxn ang="T126">
              <a:pos x="T32" y="T33"/>
            </a:cxn>
            <a:cxn ang="T127">
              <a:pos x="T34" y="T35"/>
            </a:cxn>
            <a:cxn ang="T128">
              <a:pos x="T36" y="T37"/>
            </a:cxn>
            <a:cxn ang="T129">
              <a:pos x="T38" y="T39"/>
            </a:cxn>
            <a:cxn ang="T130">
              <a:pos x="T40" y="T41"/>
            </a:cxn>
            <a:cxn ang="T131">
              <a:pos x="T42" y="T43"/>
            </a:cxn>
            <a:cxn ang="T132">
              <a:pos x="T44" y="T45"/>
            </a:cxn>
            <a:cxn ang="T133">
              <a:pos x="T46" y="T47"/>
            </a:cxn>
            <a:cxn ang="T134">
              <a:pos x="T48" y="T49"/>
            </a:cxn>
            <a:cxn ang="T135">
              <a:pos x="T50" y="T51"/>
            </a:cxn>
            <a:cxn ang="T136">
              <a:pos x="T52" y="T53"/>
            </a:cxn>
            <a:cxn ang="T137">
              <a:pos x="T54" y="T55"/>
            </a:cxn>
            <a:cxn ang="T138">
              <a:pos x="T56" y="T57"/>
            </a:cxn>
            <a:cxn ang="T139">
              <a:pos x="T58" y="T59"/>
            </a:cxn>
            <a:cxn ang="T140">
              <a:pos x="T60" y="T61"/>
            </a:cxn>
            <a:cxn ang="T141">
              <a:pos x="T62" y="T63"/>
            </a:cxn>
            <a:cxn ang="T142">
              <a:pos x="T64" y="T65"/>
            </a:cxn>
            <a:cxn ang="T143">
              <a:pos x="T66" y="T67"/>
            </a:cxn>
            <a:cxn ang="T144">
              <a:pos x="T68" y="T69"/>
            </a:cxn>
            <a:cxn ang="T145">
              <a:pos x="T70" y="T71"/>
            </a:cxn>
            <a:cxn ang="T146">
              <a:pos x="T72" y="T73"/>
            </a:cxn>
            <a:cxn ang="T147">
              <a:pos x="T74" y="T75"/>
            </a:cxn>
            <a:cxn ang="T148">
              <a:pos x="T76" y="T77"/>
            </a:cxn>
            <a:cxn ang="T149">
              <a:pos x="T78" y="T79"/>
            </a:cxn>
            <a:cxn ang="T150">
              <a:pos x="T80" y="T81"/>
            </a:cxn>
            <a:cxn ang="T151">
              <a:pos x="T82" y="T83"/>
            </a:cxn>
            <a:cxn ang="T152">
              <a:pos x="T84" y="T85"/>
            </a:cxn>
            <a:cxn ang="T153">
              <a:pos x="T86" y="T87"/>
            </a:cxn>
            <a:cxn ang="T154">
              <a:pos x="T88" y="T89"/>
            </a:cxn>
            <a:cxn ang="T155">
              <a:pos x="T90" y="T91"/>
            </a:cxn>
            <a:cxn ang="T156">
              <a:pos x="T92" y="T93"/>
            </a:cxn>
            <a:cxn ang="T157">
              <a:pos x="T94" y="T95"/>
            </a:cxn>
            <a:cxn ang="T158">
              <a:pos x="T96" y="T97"/>
            </a:cxn>
            <a:cxn ang="T159">
              <a:pos x="T98" y="T99"/>
            </a:cxn>
            <a:cxn ang="T160">
              <a:pos x="T100" y="T101"/>
            </a:cxn>
            <a:cxn ang="T161">
              <a:pos x="T102" y="T103"/>
            </a:cxn>
            <a:cxn ang="T162">
              <a:pos x="T104" y="T105"/>
            </a:cxn>
            <a:cxn ang="T163">
              <a:pos x="T106" y="T107"/>
            </a:cxn>
            <a:cxn ang="T164">
              <a:pos x="T108" y="T109"/>
            </a:cxn>
          </a:cxnLst>
          <a:rect l="T165" t="T166" r="T167" b="T168"/>
          <a:pathLst>
            <a:path w="16384" h="16384">
              <a:moveTo>
                <a:pt x="7889" y="15331"/>
              </a:moveTo>
              <a:lnTo>
                <a:pt x="8091" y="14863"/>
              </a:lnTo>
              <a:lnTo>
                <a:pt x="7181" y="14160"/>
              </a:lnTo>
              <a:lnTo>
                <a:pt x="6473" y="13926"/>
              </a:lnTo>
              <a:lnTo>
                <a:pt x="6372" y="13809"/>
              </a:lnTo>
              <a:lnTo>
                <a:pt x="5664" y="14160"/>
              </a:lnTo>
              <a:lnTo>
                <a:pt x="5461" y="14277"/>
              </a:lnTo>
              <a:lnTo>
                <a:pt x="5158" y="14160"/>
              </a:lnTo>
              <a:lnTo>
                <a:pt x="4956" y="14863"/>
              </a:lnTo>
              <a:lnTo>
                <a:pt x="4551" y="14980"/>
              </a:lnTo>
              <a:lnTo>
                <a:pt x="4147" y="15565"/>
              </a:lnTo>
              <a:lnTo>
                <a:pt x="3944" y="15565"/>
              </a:lnTo>
              <a:lnTo>
                <a:pt x="3135" y="15799"/>
              </a:lnTo>
              <a:lnTo>
                <a:pt x="2427" y="15916"/>
              </a:lnTo>
              <a:lnTo>
                <a:pt x="2326" y="16384"/>
              </a:lnTo>
              <a:lnTo>
                <a:pt x="2023" y="16267"/>
              </a:lnTo>
              <a:lnTo>
                <a:pt x="1416" y="15331"/>
              </a:lnTo>
              <a:lnTo>
                <a:pt x="809" y="15097"/>
              </a:lnTo>
              <a:lnTo>
                <a:pt x="202" y="14980"/>
              </a:lnTo>
              <a:lnTo>
                <a:pt x="0" y="14980"/>
              </a:lnTo>
              <a:lnTo>
                <a:pt x="202" y="14512"/>
              </a:lnTo>
              <a:lnTo>
                <a:pt x="101" y="14043"/>
              </a:lnTo>
              <a:lnTo>
                <a:pt x="303" y="13575"/>
              </a:lnTo>
              <a:lnTo>
                <a:pt x="303" y="12639"/>
              </a:lnTo>
              <a:lnTo>
                <a:pt x="101" y="12405"/>
              </a:lnTo>
              <a:lnTo>
                <a:pt x="0" y="12054"/>
              </a:lnTo>
              <a:lnTo>
                <a:pt x="0" y="11469"/>
              </a:lnTo>
              <a:lnTo>
                <a:pt x="202" y="11235"/>
              </a:lnTo>
              <a:lnTo>
                <a:pt x="202" y="10533"/>
              </a:lnTo>
              <a:lnTo>
                <a:pt x="607" y="10064"/>
              </a:lnTo>
              <a:lnTo>
                <a:pt x="1214" y="9362"/>
              </a:lnTo>
              <a:lnTo>
                <a:pt x="2023" y="8192"/>
              </a:lnTo>
              <a:lnTo>
                <a:pt x="2832" y="7256"/>
              </a:lnTo>
              <a:lnTo>
                <a:pt x="3135" y="6671"/>
              </a:lnTo>
              <a:lnTo>
                <a:pt x="3641" y="6203"/>
              </a:lnTo>
              <a:lnTo>
                <a:pt x="4147" y="6203"/>
              </a:lnTo>
              <a:lnTo>
                <a:pt x="4551" y="5851"/>
              </a:lnTo>
              <a:lnTo>
                <a:pt x="4956" y="5149"/>
              </a:lnTo>
              <a:lnTo>
                <a:pt x="5360" y="4798"/>
              </a:lnTo>
              <a:lnTo>
                <a:pt x="5562" y="4681"/>
              </a:lnTo>
              <a:lnTo>
                <a:pt x="5866" y="4213"/>
              </a:lnTo>
              <a:lnTo>
                <a:pt x="6169" y="3862"/>
              </a:lnTo>
              <a:lnTo>
                <a:pt x="6574" y="3511"/>
              </a:lnTo>
              <a:lnTo>
                <a:pt x="6877" y="2692"/>
              </a:lnTo>
              <a:lnTo>
                <a:pt x="7282" y="2458"/>
              </a:lnTo>
              <a:lnTo>
                <a:pt x="7282" y="2107"/>
              </a:lnTo>
              <a:lnTo>
                <a:pt x="6978" y="1755"/>
              </a:lnTo>
              <a:lnTo>
                <a:pt x="6877" y="1521"/>
              </a:lnTo>
              <a:lnTo>
                <a:pt x="7383" y="1053"/>
              </a:lnTo>
              <a:lnTo>
                <a:pt x="7787" y="702"/>
              </a:lnTo>
              <a:lnTo>
                <a:pt x="7889" y="819"/>
              </a:lnTo>
              <a:lnTo>
                <a:pt x="8495" y="1872"/>
              </a:lnTo>
              <a:lnTo>
                <a:pt x="8597" y="1755"/>
              </a:lnTo>
              <a:lnTo>
                <a:pt x="9203" y="1638"/>
              </a:lnTo>
              <a:lnTo>
                <a:pt x="9203" y="1170"/>
              </a:lnTo>
              <a:lnTo>
                <a:pt x="9507" y="1170"/>
              </a:lnTo>
              <a:lnTo>
                <a:pt x="9507" y="585"/>
              </a:lnTo>
              <a:lnTo>
                <a:pt x="10316" y="0"/>
              </a:lnTo>
              <a:lnTo>
                <a:pt x="10417" y="585"/>
              </a:lnTo>
              <a:lnTo>
                <a:pt x="10215" y="936"/>
              </a:lnTo>
              <a:lnTo>
                <a:pt x="9911" y="1638"/>
              </a:lnTo>
              <a:lnTo>
                <a:pt x="10114" y="2458"/>
              </a:lnTo>
              <a:lnTo>
                <a:pt x="10316" y="2809"/>
              </a:lnTo>
              <a:lnTo>
                <a:pt x="10720" y="3043"/>
              </a:lnTo>
              <a:lnTo>
                <a:pt x="10822" y="3394"/>
              </a:lnTo>
              <a:lnTo>
                <a:pt x="11125" y="3511"/>
              </a:lnTo>
              <a:lnTo>
                <a:pt x="11327" y="3979"/>
              </a:lnTo>
              <a:lnTo>
                <a:pt x="11934" y="4213"/>
              </a:lnTo>
              <a:lnTo>
                <a:pt x="12237" y="5032"/>
              </a:lnTo>
              <a:lnTo>
                <a:pt x="12440" y="5734"/>
              </a:lnTo>
              <a:lnTo>
                <a:pt x="12844" y="5968"/>
              </a:lnTo>
              <a:lnTo>
                <a:pt x="13148" y="6320"/>
              </a:lnTo>
              <a:lnTo>
                <a:pt x="13653" y="6320"/>
              </a:lnTo>
              <a:lnTo>
                <a:pt x="13957" y="6788"/>
              </a:lnTo>
              <a:lnTo>
                <a:pt x="14058" y="7373"/>
              </a:lnTo>
              <a:lnTo>
                <a:pt x="14462" y="7841"/>
              </a:lnTo>
              <a:lnTo>
                <a:pt x="14462" y="8426"/>
              </a:lnTo>
              <a:lnTo>
                <a:pt x="14564" y="8777"/>
              </a:lnTo>
              <a:lnTo>
                <a:pt x="14766" y="9128"/>
              </a:lnTo>
              <a:lnTo>
                <a:pt x="15170" y="9245"/>
              </a:lnTo>
              <a:lnTo>
                <a:pt x="15272" y="9713"/>
              </a:lnTo>
              <a:lnTo>
                <a:pt x="15373" y="10299"/>
              </a:lnTo>
              <a:lnTo>
                <a:pt x="15575" y="10416"/>
              </a:lnTo>
              <a:lnTo>
                <a:pt x="15979" y="10650"/>
              </a:lnTo>
              <a:lnTo>
                <a:pt x="16283" y="10767"/>
              </a:lnTo>
              <a:lnTo>
                <a:pt x="16384" y="11352"/>
              </a:lnTo>
              <a:lnTo>
                <a:pt x="16384" y="11820"/>
              </a:lnTo>
              <a:lnTo>
                <a:pt x="16384" y="12288"/>
              </a:lnTo>
              <a:lnTo>
                <a:pt x="16081" y="12522"/>
              </a:lnTo>
              <a:lnTo>
                <a:pt x="16081" y="13341"/>
              </a:lnTo>
              <a:lnTo>
                <a:pt x="15878" y="13692"/>
              </a:lnTo>
              <a:lnTo>
                <a:pt x="15575" y="13692"/>
              </a:lnTo>
              <a:lnTo>
                <a:pt x="15474" y="13575"/>
              </a:lnTo>
              <a:lnTo>
                <a:pt x="14867" y="13926"/>
              </a:lnTo>
              <a:lnTo>
                <a:pt x="14462" y="13575"/>
              </a:lnTo>
              <a:lnTo>
                <a:pt x="13856" y="13575"/>
              </a:lnTo>
              <a:lnTo>
                <a:pt x="13249" y="13809"/>
              </a:lnTo>
              <a:lnTo>
                <a:pt x="12844" y="13692"/>
              </a:lnTo>
              <a:lnTo>
                <a:pt x="12339" y="13809"/>
              </a:lnTo>
              <a:lnTo>
                <a:pt x="11934" y="13926"/>
              </a:lnTo>
              <a:lnTo>
                <a:pt x="11732" y="13809"/>
              </a:lnTo>
              <a:lnTo>
                <a:pt x="11327" y="14043"/>
              </a:lnTo>
              <a:lnTo>
                <a:pt x="10720" y="14160"/>
              </a:lnTo>
              <a:lnTo>
                <a:pt x="10114" y="13575"/>
              </a:lnTo>
              <a:lnTo>
                <a:pt x="9608" y="14043"/>
              </a:lnTo>
              <a:lnTo>
                <a:pt x="9304" y="14043"/>
              </a:lnTo>
              <a:lnTo>
                <a:pt x="9102" y="14395"/>
              </a:lnTo>
              <a:lnTo>
                <a:pt x="9001" y="14746"/>
              </a:lnTo>
              <a:lnTo>
                <a:pt x="8394" y="15097"/>
              </a:lnTo>
              <a:lnTo>
                <a:pt x="7889" y="15331"/>
              </a:lnTo>
              <a:close/>
            </a:path>
          </a:pathLst>
        </a:custGeom>
        <a:pattFill prst="dashVert">
          <a:fgClr>
            <a:srgbClr val="000000"/>
          </a:fgClr>
          <a:bgClr>
            <a:srgbClr val="FFFFFF"/>
          </a:bgClr>
        </a:pattFill>
        <a:ln w="9525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12</xdr:col>
      <xdr:colOff>323850</xdr:colOff>
      <xdr:row>33</xdr:row>
      <xdr:rowOff>38100</xdr:rowOff>
    </xdr:from>
    <xdr:to>
      <xdr:col>15</xdr:col>
      <xdr:colOff>409575</xdr:colOff>
      <xdr:row>45</xdr:row>
      <xdr:rowOff>76200</xdr:rowOff>
    </xdr:to>
    <xdr:sp macro="" textlink="">
      <xdr:nvSpPr>
        <xdr:cNvPr id="3" name="d14201">
          <a:extLst>
            <a:ext uri="{FF2B5EF4-FFF2-40B4-BE49-F238E27FC236}">
              <a16:creationId xmlns:a16="http://schemas.microsoft.com/office/drawing/2014/main" id="{00000000-0008-0000-0200-000003000000}"/>
            </a:ext>
          </a:extLst>
        </xdr:cNvPr>
        <xdr:cNvSpPr>
          <a:spLocks/>
        </xdr:cNvSpPr>
      </xdr:nvSpPr>
      <xdr:spPr bwMode="auto">
        <a:xfrm>
          <a:off x="7639050" y="6315075"/>
          <a:ext cx="1914525" cy="186690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w 16384"/>
            <a:gd name="T145" fmla="*/ 0 h 16384"/>
            <a:gd name="T146" fmla="*/ 16384 w 16384"/>
            <a:gd name="T147" fmla="*/ 16384 h 16384"/>
          </a:gdLst>
          <a:ahLst/>
          <a:cxnLst>
            <a:cxn ang="T96">
              <a:pos x="T0" y="T1"/>
            </a:cxn>
            <a:cxn ang="T97">
              <a:pos x="T2" y="T3"/>
            </a:cxn>
            <a:cxn ang="T98">
              <a:pos x="T4" y="T5"/>
            </a:cxn>
            <a:cxn ang="T99">
              <a:pos x="T6" y="T7"/>
            </a:cxn>
            <a:cxn ang="T100">
              <a:pos x="T8" y="T9"/>
            </a:cxn>
            <a:cxn ang="T101">
              <a:pos x="T10" y="T11"/>
            </a:cxn>
            <a:cxn ang="T102">
              <a:pos x="T12" y="T13"/>
            </a:cxn>
            <a:cxn ang="T103">
              <a:pos x="T14" y="T15"/>
            </a:cxn>
            <a:cxn ang="T104">
              <a:pos x="T16" y="T17"/>
            </a:cxn>
            <a:cxn ang="T105">
              <a:pos x="T18" y="T19"/>
            </a:cxn>
            <a:cxn ang="T106">
              <a:pos x="T20" y="T21"/>
            </a:cxn>
            <a:cxn ang="T107">
              <a:pos x="T22" y="T23"/>
            </a:cxn>
            <a:cxn ang="T108">
              <a:pos x="T24" y="T25"/>
            </a:cxn>
            <a:cxn ang="T109">
              <a:pos x="T26" y="T27"/>
            </a:cxn>
            <a:cxn ang="T110">
              <a:pos x="T28" y="T29"/>
            </a:cxn>
            <a:cxn ang="T111">
              <a:pos x="T30" y="T31"/>
            </a:cxn>
            <a:cxn ang="T112">
              <a:pos x="T32" y="T33"/>
            </a:cxn>
            <a:cxn ang="T113">
              <a:pos x="T34" y="T35"/>
            </a:cxn>
            <a:cxn ang="T114">
              <a:pos x="T36" y="T37"/>
            </a:cxn>
            <a:cxn ang="T115">
              <a:pos x="T38" y="T39"/>
            </a:cxn>
            <a:cxn ang="T116">
              <a:pos x="T40" y="T41"/>
            </a:cxn>
            <a:cxn ang="T117">
              <a:pos x="T42" y="T43"/>
            </a:cxn>
            <a:cxn ang="T118">
              <a:pos x="T44" y="T45"/>
            </a:cxn>
            <a:cxn ang="T119">
              <a:pos x="T46" y="T47"/>
            </a:cxn>
            <a:cxn ang="T120">
              <a:pos x="T48" y="T49"/>
            </a:cxn>
            <a:cxn ang="T121">
              <a:pos x="T50" y="T51"/>
            </a:cxn>
            <a:cxn ang="T122">
              <a:pos x="T52" y="T53"/>
            </a:cxn>
            <a:cxn ang="T123">
              <a:pos x="T54" y="T55"/>
            </a:cxn>
            <a:cxn ang="T124">
              <a:pos x="T56" y="T57"/>
            </a:cxn>
            <a:cxn ang="T125">
              <a:pos x="T58" y="T59"/>
            </a:cxn>
            <a:cxn ang="T126">
              <a:pos x="T60" y="T61"/>
            </a:cxn>
            <a:cxn ang="T127">
              <a:pos x="T62" y="T63"/>
            </a:cxn>
            <a:cxn ang="T128">
              <a:pos x="T64" y="T65"/>
            </a:cxn>
            <a:cxn ang="T129">
              <a:pos x="T66" y="T67"/>
            </a:cxn>
            <a:cxn ang="T130">
              <a:pos x="T68" y="T69"/>
            </a:cxn>
            <a:cxn ang="T131">
              <a:pos x="T70" y="T71"/>
            </a:cxn>
            <a:cxn ang="T132">
              <a:pos x="T72" y="T73"/>
            </a:cxn>
            <a:cxn ang="T133">
              <a:pos x="T74" y="T75"/>
            </a:cxn>
            <a:cxn ang="T134">
              <a:pos x="T76" y="T77"/>
            </a:cxn>
            <a:cxn ang="T135">
              <a:pos x="T78" y="T79"/>
            </a:cxn>
            <a:cxn ang="T136">
              <a:pos x="T80" y="T81"/>
            </a:cxn>
            <a:cxn ang="T137">
              <a:pos x="T82" y="T83"/>
            </a:cxn>
            <a:cxn ang="T138">
              <a:pos x="T84" y="T85"/>
            </a:cxn>
            <a:cxn ang="T139">
              <a:pos x="T86" y="T87"/>
            </a:cxn>
            <a:cxn ang="T140">
              <a:pos x="T88" y="T89"/>
            </a:cxn>
            <a:cxn ang="T141">
              <a:pos x="T90" y="T91"/>
            </a:cxn>
            <a:cxn ang="T142">
              <a:pos x="T92" y="T93"/>
            </a:cxn>
            <a:cxn ang="T143">
              <a:pos x="T94" y="T95"/>
            </a:cxn>
          </a:cxnLst>
          <a:rect l="T144" t="T145" r="T146" b="T147"/>
          <a:pathLst>
            <a:path w="16384" h="16384">
              <a:moveTo>
                <a:pt x="5706" y="243"/>
              </a:moveTo>
              <a:lnTo>
                <a:pt x="5950" y="0"/>
              </a:lnTo>
              <a:lnTo>
                <a:pt x="6684" y="324"/>
              </a:lnTo>
              <a:lnTo>
                <a:pt x="7010" y="811"/>
              </a:lnTo>
              <a:lnTo>
                <a:pt x="6847" y="1217"/>
              </a:lnTo>
              <a:lnTo>
                <a:pt x="6439" y="1217"/>
              </a:lnTo>
              <a:lnTo>
                <a:pt x="6358" y="2514"/>
              </a:lnTo>
              <a:lnTo>
                <a:pt x="6195" y="2595"/>
              </a:lnTo>
              <a:lnTo>
                <a:pt x="5787" y="2352"/>
              </a:lnTo>
              <a:lnTo>
                <a:pt x="6195" y="3001"/>
              </a:lnTo>
              <a:lnTo>
                <a:pt x="5054" y="3407"/>
              </a:lnTo>
              <a:lnTo>
                <a:pt x="5298" y="3731"/>
              </a:lnTo>
              <a:lnTo>
                <a:pt x="5298" y="3974"/>
              </a:lnTo>
              <a:lnTo>
                <a:pt x="5461" y="4137"/>
              </a:lnTo>
              <a:lnTo>
                <a:pt x="5869" y="4055"/>
              </a:lnTo>
              <a:lnTo>
                <a:pt x="6113" y="3650"/>
              </a:lnTo>
              <a:lnTo>
                <a:pt x="6358" y="3812"/>
              </a:lnTo>
              <a:lnTo>
                <a:pt x="6358" y="3488"/>
              </a:lnTo>
              <a:lnTo>
                <a:pt x="6521" y="3163"/>
              </a:lnTo>
              <a:lnTo>
                <a:pt x="6929" y="2677"/>
              </a:lnTo>
              <a:lnTo>
                <a:pt x="7499" y="3244"/>
              </a:lnTo>
              <a:lnTo>
                <a:pt x="7336" y="3407"/>
              </a:lnTo>
              <a:lnTo>
                <a:pt x="7010" y="3731"/>
              </a:lnTo>
              <a:lnTo>
                <a:pt x="6766" y="4055"/>
              </a:lnTo>
              <a:lnTo>
                <a:pt x="6684" y="4542"/>
              </a:lnTo>
              <a:lnTo>
                <a:pt x="6929" y="4867"/>
              </a:lnTo>
              <a:lnTo>
                <a:pt x="7418" y="5272"/>
              </a:lnTo>
              <a:lnTo>
                <a:pt x="7907" y="5515"/>
              </a:lnTo>
              <a:lnTo>
                <a:pt x="8070" y="5353"/>
              </a:lnTo>
              <a:lnTo>
                <a:pt x="7988" y="4948"/>
              </a:lnTo>
              <a:lnTo>
                <a:pt x="7581" y="4623"/>
              </a:lnTo>
              <a:lnTo>
                <a:pt x="7988" y="4461"/>
              </a:lnTo>
              <a:lnTo>
                <a:pt x="8314" y="4704"/>
              </a:lnTo>
              <a:lnTo>
                <a:pt x="8396" y="4055"/>
              </a:lnTo>
              <a:lnTo>
                <a:pt x="7907" y="3488"/>
              </a:lnTo>
              <a:lnTo>
                <a:pt x="8640" y="3407"/>
              </a:lnTo>
              <a:lnTo>
                <a:pt x="9211" y="3488"/>
              </a:lnTo>
              <a:lnTo>
                <a:pt x="9618" y="3812"/>
              </a:lnTo>
              <a:lnTo>
                <a:pt x="9700" y="4218"/>
              </a:lnTo>
              <a:lnTo>
                <a:pt x="9863" y="4867"/>
              </a:lnTo>
              <a:lnTo>
                <a:pt x="9211" y="4867"/>
              </a:lnTo>
              <a:lnTo>
                <a:pt x="9374" y="5272"/>
              </a:lnTo>
              <a:lnTo>
                <a:pt x="9129" y="5434"/>
              </a:lnTo>
              <a:lnTo>
                <a:pt x="9374" y="5515"/>
              </a:lnTo>
              <a:lnTo>
                <a:pt x="9618" y="5921"/>
              </a:lnTo>
              <a:lnTo>
                <a:pt x="9945" y="6408"/>
              </a:lnTo>
              <a:lnTo>
                <a:pt x="9781" y="6813"/>
              </a:lnTo>
              <a:lnTo>
                <a:pt x="10597" y="7543"/>
              </a:lnTo>
              <a:lnTo>
                <a:pt x="12064" y="7949"/>
              </a:lnTo>
              <a:lnTo>
                <a:pt x="13287" y="7949"/>
              </a:lnTo>
              <a:lnTo>
                <a:pt x="13939" y="7868"/>
              </a:lnTo>
              <a:lnTo>
                <a:pt x="14917" y="7462"/>
              </a:lnTo>
              <a:lnTo>
                <a:pt x="14917" y="7786"/>
              </a:lnTo>
              <a:lnTo>
                <a:pt x="15324" y="8030"/>
              </a:lnTo>
              <a:lnTo>
                <a:pt x="15813" y="8354"/>
              </a:lnTo>
              <a:lnTo>
                <a:pt x="16221" y="8516"/>
              </a:lnTo>
              <a:lnTo>
                <a:pt x="16384" y="9084"/>
              </a:lnTo>
              <a:lnTo>
                <a:pt x="15650" y="9490"/>
              </a:lnTo>
              <a:lnTo>
                <a:pt x="15161" y="9814"/>
              </a:lnTo>
              <a:lnTo>
                <a:pt x="15080" y="10463"/>
              </a:lnTo>
              <a:lnTo>
                <a:pt x="14591" y="10625"/>
              </a:lnTo>
              <a:lnTo>
                <a:pt x="14509" y="10382"/>
              </a:lnTo>
              <a:lnTo>
                <a:pt x="14346" y="10544"/>
              </a:lnTo>
              <a:lnTo>
                <a:pt x="14020" y="10544"/>
              </a:lnTo>
              <a:lnTo>
                <a:pt x="13287" y="9652"/>
              </a:lnTo>
              <a:lnTo>
                <a:pt x="13613" y="10301"/>
              </a:lnTo>
              <a:lnTo>
                <a:pt x="13857" y="10706"/>
              </a:lnTo>
              <a:lnTo>
                <a:pt x="14183" y="11112"/>
              </a:lnTo>
              <a:lnTo>
                <a:pt x="14591" y="11355"/>
              </a:lnTo>
              <a:lnTo>
                <a:pt x="14509" y="12410"/>
              </a:lnTo>
              <a:lnTo>
                <a:pt x="14020" y="12329"/>
              </a:lnTo>
              <a:lnTo>
                <a:pt x="13939" y="12166"/>
              </a:lnTo>
              <a:lnTo>
                <a:pt x="13694" y="11923"/>
              </a:lnTo>
              <a:lnTo>
                <a:pt x="13287" y="11923"/>
              </a:lnTo>
              <a:lnTo>
                <a:pt x="13205" y="12572"/>
              </a:lnTo>
              <a:lnTo>
                <a:pt x="13287" y="13140"/>
              </a:lnTo>
              <a:lnTo>
                <a:pt x="13450" y="13140"/>
              </a:lnTo>
              <a:lnTo>
                <a:pt x="13857" y="13059"/>
              </a:lnTo>
              <a:lnTo>
                <a:pt x="14102" y="13221"/>
              </a:lnTo>
              <a:lnTo>
                <a:pt x="13776" y="13626"/>
              </a:lnTo>
              <a:lnTo>
                <a:pt x="13776" y="13789"/>
              </a:lnTo>
              <a:lnTo>
                <a:pt x="13531" y="14113"/>
              </a:lnTo>
              <a:lnTo>
                <a:pt x="13124" y="13951"/>
              </a:lnTo>
              <a:lnTo>
                <a:pt x="12634" y="14032"/>
              </a:lnTo>
              <a:lnTo>
                <a:pt x="11901" y="14113"/>
              </a:lnTo>
              <a:lnTo>
                <a:pt x="11004" y="14194"/>
              </a:lnTo>
              <a:lnTo>
                <a:pt x="10434" y="14356"/>
              </a:lnTo>
              <a:lnTo>
                <a:pt x="9945" y="14600"/>
              </a:lnTo>
              <a:lnTo>
                <a:pt x="8803" y="15411"/>
              </a:lnTo>
              <a:lnTo>
                <a:pt x="8314" y="15897"/>
              </a:lnTo>
              <a:lnTo>
                <a:pt x="7907" y="15573"/>
              </a:lnTo>
              <a:lnTo>
                <a:pt x="7825" y="15005"/>
              </a:lnTo>
              <a:lnTo>
                <a:pt x="7418" y="14681"/>
              </a:lnTo>
              <a:lnTo>
                <a:pt x="7418" y="14113"/>
              </a:lnTo>
              <a:lnTo>
                <a:pt x="7255" y="14032"/>
              </a:lnTo>
              <a:lnTo>
                <a:pt x="6929" y="14356"/>
              </a:lnTo>
              <a:lnTo>
                <a:pt x="6603" y="14437"/>
              </a:lnTo>
              <a:lnTo>
                <a:pt x="6032" y="14356"/>
              </a:lnTo>
              <a:lnTo>
                <a:pt x="5706" y="14600"/>
              </a:lnTo>
              <a:lnTo>
                <a:pt x="5461" y="14437"/>
              </a:lnTo>
              <a:lnTo>
                <a:pt x="5298" y="14437"/>
              </a:lnTo>
              <a:lnTo>
                <a:pt x="4809" y="15248"/>
              </a:lnTo>
              <a:lnTo>
                <a:pt x="4157" y="15330"/>
              </a:lnTo>
              <a:lnTo>
                <a:pt x="3424" y="16384"/>
              </a:lnTo>
              <a:lnTo>
                <a:pt x="3260" y="16303"/>
              </a:lnTo>
              <a:lnTo>
                <a:pt x="2690" y="16141"/>
              </a:lnTo>
              <a:lnTo>
                <a:pt x="2771" y="15816"/>
              </a:lnTo>
              <a:lnTo>
                <a:pt x="2282" y="15897"/>
              </a:lnTo>
              <a:lnTo>
                <a:pt x="1793" y="15816"/>
              </a:lnTo>
              <a:lnTo>
                <a:pt x="2038" y="15411"/>
              </a:lnTo>
              <a:lnTo>
                <a:pt x="2282" y="15248"/>
              </a:lnTo>
              <a:lnTo>
                <a:pt x="2119" y="15005"/>
              </a:lnTo>
              <a:lnTo>
                <a:pt x="2201" y="14762"/>
              </a:lnTo>
              <a:lnTo>
                <a:pt x="2364" y="14518"/>
              </a:lnTo>
              <a:lnTo>
                <a:pt x="2771" y="14356"/>
              </a:lnTo>
              <a:lnTo>
                <a:pt x="2934" y="14113"/>
              </a:lnTo>
              <a:lnTo>
                <a:pt x="3097" y="14032"/>
              </a:lnTo>
              <a:lnTo>
                <a:pt x="3587" y="14275"/>
              </a:lnTo>
              <a:lnTo>
                <a:pt x="3994" y="14275"/>
              </a:lnTo>
              <a:lnTo>
                <a:pt x="4402" y="14194"/>
              </a:lnTo>
              <a:lnTo>
                <a:pt x="4646" y="13545"/>
              </a:lnTo>
              <a:lnTo>
                <a:pt x="4320" y="13140"/>
              </a:lnTo>
              <a:lnTo>
                <a:pt x="3913" y="12815"/>
              </a:lnTo>
              <a:lnTo>
                <a:pt x="3668" y="12734"/>
              </a:lnTo>
              <a:lnTo>
                <a:pt x="3016" y="12572"/>
              </a:lnTo>
              <a:lnTo>
                <a:pt x="2445" y="12410"/>
              </a:lnTo>
              <a:lnTo>
                <a:pt x="2282" y="12734"/>
              </a:lnTo>
              <a:lnTo>
                <a:pt x="2038" y="12653"/>
              </a:lnTo>
              <a:lnTo>
                <a:pt x="2201" y="12410"/>
              </a:lnTo>
              <a:lnTo>
                <a:pt x="2364" y="12085"/>
              </a:lnTo>
              <a:lnTo>
                <a:pt x="2201" y="11599"/>
              </a:lnTo>
              <a:lnTo>
                <a:pt x="1956" y="11112"/>
              </a:lnTo>
              <a:lnTo>
                <a:pt x="2038" y="10950"/>
              </a:lnTo>
              <a:lnTo>
                <a:pt x="1875" y="10706"/>
              </a:lnTo>
              <a:lnTo>
                <a:pt x="1712" y="10463"/>
              </a:lnTo>
              <a:lnTo>
                <a:pt x="1386" y="10139"/>
              </a:lnTo>
              <a:lnTo>
                <a:pt x="1141" y="9976"/>
              </a:lnTo>
              <a:lnTo>
                <a:pt x="897" y="9571"/>
              </a:lnTo>
              <a:lnTo>
                <a:pt x="652" y="9328"/>
              </a:lnTo>
              <a:lnTo>
                <a:pt x="245" y="9003"/>
              </a:lnTo>
              <a:lnTo>
                <a:pt x="0" y="9003"/>
              </a:lnTo>
              <a:lnTo>
                <a:pt x="163" y="8841"/>
              </a:lnTo>
              <a:lnTo>
                <a:pt x="1467" y="8679"/>
              </a:lnTo>
              <a:lnTo>
                <a:pt x="1956" y="8679"/>
              </a:lnTo>
              <a:lnTo>
                <a:pt x="1956" y="8598"/>
              </a:lnTo>
              <a:lnTo>
                <a:pt x="2201" y="8354"/>
              </a:lnTo>
              <a:lnTo>
                <a:pt x="2445" y="8354"/>
              </a:lnTo>
              <a:lnTo>
                <a:pt x="2771" y="8354"/>
              </a:lnTo>
              <a:lnTo>
                <a:pt x="2934" y="8354"/>
              </a:lnTo>
              <a:lnTo>
                <a:pt x="3260" y="8354"/>
              </a:lnTo>
              <a:lnTo>
                <a:pt x="3505" y="8192"/>
              </a:lnTo>
              <a:lnTo>
                <a:pt x="3668" y="7949"/>
              </a:lnTo>
              <a:lnTo>
                <a:pt x="3831" y="8030"/>
              </a:lnTo>
              <a:lnTo>
                <a:pt x="3994" y="8192"/>
              </a:lnTo>
              <a:lnTo>
                <a:pt x="4076" y="8516"/>
              </a:lnTo>
              <a:lnTo>
                <a:pt x="4402" y="8679"/>
              </a:lnTo>
              <a:lnTo>
                <a:pt x="4646" y="8679"/>
              </a:lnTo>
              <a:lnTo>
                <a:pt x="4728" y="8435"/>
              </a:lnTo>
              <a:lnTo>
                <a:pt x="4891" y="8354"/>
              </a:lnTo>
              <a:lnTo>
                <a:pt x="5135" y="8192"/>
              </a:lnTo>
              <a:lnTo>
                <a:pt x="5543" y="8030"/>
              </a:lnTo>
              <a:lnTo>
                <a:pt x="5869" y="8111"/>
              </a:lnTo>
              <a:lnTo>
                <a:pt x="5950" y="7786"/>
              </a:lnTo>
              <a:lnTo>
                <a:pt x="5787" y="7381"/>
              </a:lnTo>
              <a:lnTo>
                <a:pt x="5787" y="6975"/>
              </a:lnTo>
              <a:lnTo>
                <a:pt x="6032" y="6813"/>
              </a:lnTo>
              <a:lnTo>
                <a:pt x="6032" y="6651"/>
              </a:lnTo>
              <a:lnTo>
                <a:pt x="5706" y="6651"/>
              </a:lnTo>
              <a:lnTo>
                <a:pt x="5380" y="6570"/>
              </a:lnTo>
              <a:lnTo>
                <a:pt x="4891" y="6326"/>
              </a:lnTo>
              <a:lnTo>
                <a:pt x="4565" y="5921"/>
              </a:lnTo>
              <a:lnTo>
                <a:pt x="4320" y="6002"/>
              </a:lnTo>
              <a:lnTo>
                <a:pt x="4076" y="5678"/>
              </a:lnTo>
              <a:lnTo>
                <a:pt x="3994" y="5434"/>
              </a:lnTo>
              <a:lnTo>
                <a:pt x="4320" y="5029"/>
              </a:lnTo>
              <a:lnTo>
                <a:pt x="4239" y="4704"/>
              </a:lnTo>
              <a:lnTo>
                <a:pt x="4076" y="4137"/>
              </a:lnTo>
              <a:lnTo>
                <a:pt x="3750" y="3731"/>
              </a:lnTo>
              <a:lnTo>
                <a:pt x="3750" y="3244"/>
              </a:lnTo>
              <a:lnTo>
                <a:pt x="3260" y="3001"/>
              </a:lnTo>
              <a:lnTo>
                <a:pt x="3260" y="2514"/>
              </a:lnTo>
              <a:lnTo>
                <a:pt x="3097" y="2271"/>
              </a:lnTo>
              <a:lnTo>
                <a:pt x="2853" y="2028"/>
              </a:lnTo>
              <a:lnTo>
                <a:pt x="3179" y="1784"/>
              </a:lnTo>
              <a:lnTo>
                <a:pt x="3260" y="1622"/>
              </a:lnTo>
              <a:lnTo>
                <a:pt x="3913" y="1541"/>
              </a:lnTo>
              <a:lnTo>
                <a:pt x="4402" y="1379"/>
              </a:lnTo>
              <a:lnTo>
                <a:pt x="4565" y="1217"/>
              </a:lnTo>
              <a:lnTo>
                <a:pt x="4809" y="730"/>
              </a:lnTo>
              <a:lnTo>
                <a:pt x="5135" y="649"/>
              </a:lnTo>
              <a:lnTo>
                <a:pt x="5298" y="973"/>
              </a:lnTo>
              <a:lnTo>
                <a:pt x="5706" y="243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6</xdr:col>
      <xdr:colOff>95250</xdr:colOff>
      <xdr:row>26</xdr:row>
      <xdr:rowOff>85725</xdr:rowOff>
    </xdr:from>
    <xdr:to>
      <xdr:col>8</xdr:col>
      <xdr:colOff>419100</xdr:colOff>
      <xdr:row>34</xdr:row>
      <xdr:rowOff>104775</xdr:rowOff>
    </xdr:to>
    <xdr:sp macro="" textlink="">
      <xdr:nvSpPr>
        <xdr:cNvPr id="4" name="d14203">
          <a:extLst>
            <a:ext uri="{FF2B5EF4-FFF2-40B4-BE49-F238E27FC236}">
              <a16:creationId xmlns:a16="http://schemas.microsoft.com/office/drawing/2014/main" id="{00000000-0008-0000-0200-000004000000}"/>
            </a:ext>
          </a:extLst>
        </xdr:cNvPr>
        <xdr:cNvSpPr>
          <a:spLocks/>
        </xdr:cNvSpPr>
      </xdr:nvSpPr>
      <xdr:spPr bwMode="auto">
        <a:xfrm>
          <a:off x="3752850" y="5295900"/>
          <a:ext cx="1543050" cy="123825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0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0 h 16384"/>
            <a:gd name="T102" fmla="*/ 2147483646 w 16384"/>
            <a:gd name="T103" fmla="*/ 2147483646 h 16384"/>
            <a:gd name="T104" fmla="*/ 2147483646 w 16384"/>
            <a:gd name="T105" fmla="*/ 2147483646 h 16384"/>
            <a:gd name="T106" fmla="*/ 2147483646 w 16384"/>
            <a:gd name="T107" fmla="*/ 2147483646 h 16384"/>
            <a:gd name="T108" fmla="*/ 2147483646 w 16384"/>
            <a:gd name="T109" fmla="*/ 2147483646 h 16384"/>
            <a:gd name="T110" fmla="*/ 2147483646 w 16384"/>
            <a:gd name="T111" fmla="*/ 2147483646 h 16384"/>
            <a:gd name="T112" fmla="*/ 2147483646 w 16384"/>
            <a:gd name="T113" fmla="*/ 2147483646 h 16384"/>
            <a:gd name="T114" fmla="*/ 2147483646 w 16384"/>
            <a:gd name="T115" fmla="*/ 2147483646 h 16384"/>
            <a:gd name="T116" fmla="*/ 2147483646 w 16384"/>
            <a:gd name="T117" fmla="*/ 2147483646 h 16384"/>
            <a:gd name="T118" fmla="*/ 2147483646 w 16384"/>
            <a:gd name="T119" fmla="*/ 2147483646 h 16384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w 16384"/>
            <a:gd name="T181" fmla="*/ 0 h 16384"/>
            <a:gd name="T182" fmla="*/ 16384 w 16384"/>
            <a:gd name="T183" fmla="*/ 16384 h 16384"/>
          </a:gdLst>
          <a:ahLst/>
          <a:cxnLst>
            <a:cxn ang="T120">
              <a:pos x="T0" y="T1"/>
            </a:cxn>
            <a:cxn ang="T121">
              <a:pos x="T2" y="T3"/>
            </a:cxn>
            <a:cxn ang="T122">
              <a:pos x="T4" y="T5"/>
            </a:cxn>
            <a:cxn ang="T123">
              <a:pos x="T6" y="T7"/>
            </a:cxn>
            <a:cxn ang="T124">
              <a:pos x="T8" y="T9"/>
            </a:cxn>
            <a:cxn ang="T125">
              <a:pos x="T10" y="T11"/>
            </a:cxn>
            <a:cxn ang="T126">
              <a:pos x="T12" y="T13"/>
            </a:cxn>
            <a:cxn ang="T127">
              <a:pos x="T14" y="T15"/>
            </a:cxn>
            <a:cxn ang="T128">
              <a:pos x="T16" y="T17"/>
            </a:cxn>
            <a:cxn ang="T129">
              <a:pos x="T18" y="T19"/>
            </a:cxn>
            <a:cxn ang="T130">
              <a:pos x="T20" y="T21"/>
            </a:cxn>
            <a:cxn ang="T131">
              <a:pos x="T22" y="T23"/>
            </a:cxn>
            <a:cxn ang="T132">
              <a:pos x="T24" y="T25"/>
            </a:cxn>
            <a:cxn ang="T133">
              <a:pos x="T26" y="T27"/>
            </a:cxn>
            <a:cxn ang="T134">
              <a:pos x="T28" y="T29"/>
            </a:cxn>
            <a:cxn ang="T135">
              <a:pos x="T30" y="T31"/>
            </a:cxn>
            <a:cxn ang="T136">
              <a:pos x="T32" y="T33"/>
            </a:cxn>
            <a:cxn ang="T137">
              <a:pos x="T34" y="T35"/>
            </a:cxn>
            <a:cxn ang="T138">
              <a:pos x="T36" y="T37"/>
            </a:cxn>
            <a:cxn ang="T139">
              <a:pos x="T38" y="T39"/>
            </a:cxn>
            <a:cxn ang="T140">
              <a:pos x="T40" y="T41"/>
            </a:cxn>
            <a:cxn ang="T141">
              <a:pos x="T42" y="T43"/>
            </a:cxn>
            <a:cxn ang="T142">
              <a:pos x="T44" y="T45"/>
            </a:cxn>
            <a:cxn ang="T143">
              <a:pos x="T46" y="T47"/>
            </a:cxn>
            <a:cxn ang="T144">
              <a:pos x="T48" y="T49"/>
            </a:cxn>
            <a:cxn ang="T145">
              <a:pos x="T50" y="T51"/>
            </a:cxn>
            <a:cxn ang="T146">
              <a:pos x="T52" y="T53"/>
            </a:cxn>
            <a:cxn ang="T147">
              <a:pos x="T54" y="T55"/>
            </a:cxn>
            <a:cxn ang="T148">
              <a:pos x="T56" y="T57"/>
            </a:cxn>
            <a:cxn ang="T149">
              <a:pos x="T58" y="T59"/>
            </a:cxn>
            <a:cxn ang="T150">
              <a:pos x="T60" y="T61"/>
            </a:cxn>
            <a:cxn ang="T151">
              <a:pos x="T62" y="T63"/>
            </a:cxn>
            <a:cxn ang="T152">
              <a:pos x="T64" y="T65"/>
            </a:cxn>
            <a:cxn ang="T153">
              <a:pos x="T66" y="T67"/>
            </a:cxn>
            <a:cxn ang="T154">
              <a:pos x="T68" y="T69"/>
            </a:cxn>
            <a:cxn ang="T155">
              <a:pos x="T70" y="T71"/>
            </a:cxn>
            <a:cxn ang="T156">
              <a:pos x="T72" y="T73"/>
            </a:cxn>
            <a:cxn ang="T157">
              <a:pos x="T74" y="T75"/>
            </a:cxn>
            <a:cxn ang="T158">
              <a:pos x="T76" y="T77"/>
            </a:cxn>
            <a:cxn ang="T159">
              <a:pos x="T78" y="T79"/>
            </a:cxn>
            <a:cxn ang="T160">
              <a:pos x="T80" y="T81"/>
            </a:cxn>
            <a:cxn ang="T161">
              <a:pos x="T82" y="T83"/>
            </a:cxn>
            <a:cxn ang="T162">
              <a:pos x="T84" y="T85"/>
            </a:cxn>
            <a:cxn ang="T163">
              <a:pos x="T86" y="T87"/>
            </a:cxn>
            <a:cxn ang="T164">
              <a:pos x="T88" y="T89"/>
            </a:cxn>
            <a:cxn ang="T165">
              <a:pos x="T90" y="T91"/>
            </a:cxn>
            <a:cxn ang="T166">
              <a:pos x="T92" y="T93"/>
            </a:cxn>
            <a:cxn ang="T167">
              <a:pos x="T94" y="T95"/>
            </a:cxn>
            <a:cxn ang="T168">
              <a:pos x="T96" y="T97"/>
            </a:cxn>
            <a:cxn ang="T169">
              <a:pos x="T98" y="T99"/>
            </a:cxn>
            <a:cxn ang="T170">
              <a:pos x="T100" y="T101"/>
            </a:cxn>
            <a:cxn ang="T171">
              <a:pos x="T102" y="T103"/>
            </a:cxn>
            <a:cxn ang="T172">
              <a:pos x="T104" y="T105"/>
            </a:cxn>
            <a:cxn ang="T173">
              <a:pos x="T106" y="T107"/>
            </a:cxn>
            <a:cxn ang="T174">
              <a:pos x="T108" y="T109"/>
            </a:cxn>
            <a:cxn ang="T175">
              <a:pos x="T110" y="T111"/>
            </a:cxn>
            <a:cxn ang="T176">
              <a:pos x="T112" y="T113"/>
            </a:cxn>
            <a:cxn ang="T177">
              <a:pos x="T114" y="T115"/>
            </a:cxn>
            <a:cxn ang="T178">
              <a:pos x="T116" y="T117"/>
            </a:cxn>
            <a:cxn ang="T179">
              <a:pos x="T118" y="T119"/>
            </a:cxn>
          </a:cxnLst>
          <a:rect l="T180" t="T181" r="T182" b="T183"/>
          <a:pathLst>
            <a:path w="16384" h="16384">
              <a:moveTo>
                <a:pt x="15777" y="9681"/>
              </a:moveTo>
              <a:lnTo>
                <a:pt x="15676" y="10674"/>
              </a:lnTo>
              <a:lnTo>
                <a:pt x="15777" y="11171"/>
              </a:lnTo>
              <a:lnTo>
                <a:pt x="15979" y="11295"/>
              </a:lnTo>
              <a:lnTo>
                <a:pt x="16081" y="11171"/>
              </a:lnTo>
              <a:lnTo>
                <a:pt x="16384" y="11419"/>
              </a:lnTo>
              <a:lnTo>
                <a:pt x="16384" y="11916"/>
              </a:lnTo>
              <a:lnTo>
                <a:pt x="15979" y="12288"/>
              </a:lnTo>
              <a:lnTo>
                <a:pt x="15878" y="12909"/>
              </a:lnTo>
              <a:lnTo>
                <a:pt x="15676" y="13529"/>
              </a:lnTo>
              <a:lnTo>
                <a:pt x="15676" y="14274"/>
              </a:lnTo>
              <a:lnTo>
                <a:pt x="16081" y="14646"/>
              </a:lnTo>
              <a:lnTo>
                <a:pt x="16384" y="15143"/>
              </a:lnTo>
              <a:lnTo>
                <a:pt x="16384" y="15888"/>
              </a:lnTo>
              <a:lnTo>
                <a:pt x="15777" y="16012"/>
              </a:lnTo>
              <a:lnTo>
                <a:pt x="15069" y="15888"/>
              </a:lnTo>
              <a:lnTo>
                <a:pt x="14361" y="15763"/>
              </a:lnTo>
              <a:lnTo>
                <a:pt x="13552" y="15763"/>
              </a:lnTo>
              <a:lnTo>
                <a:pt x="12945" y="15888"/>
              </a:lnTo>
              <a:lnTo>
                <a:pt x="12339" y="16012"/>
              </a:lnTo>
              <a:lnTo>
                <a:pt x="11631" y="16260"/>
              </a:lnTo>
              <a:lnTo>
                <a:pt x="11024" y="16384"/>
              </a:lnTo>
              <a:lnTo>
                <a:pt x="10518" y="15888"/>
              </a:lnTo>
              <a:lnTo>
                <a:pt x="10720" y="14895"/>
              </a:lnTo>
              <a:lnTo>
                <a:pt x="11024" y="14770"/>
              </a:lnTo>
              <a:lnTo>
                <a:pt x="11428" y="14398"/>
              </a:lnTo>
              <a:lnTo>
                <a:pt x="11226" y="13902"/>
              </a:lnTo>
              <a:lnTo>
                <a:pt x="10518" y="13902"/>
              </a:lnTo>
              <a:lnTo>
                <a:pt x="10215" y="13405"/>
              </a:lnTo>
              <a:lnTo>
                <a:pt x="10012" y="13902"/>
              </a:lnTo>
              <a:lnTo>
                <a:pt x="9304" y="14274"/>
              </a:lnTo>
              <a:lnTo>
                <a:pt x="8698" y="14895"/>
              </a:lnTo>
              <a:lnTo>
                <a:pt x="7787" y="15019"/>
              </a:lnTo>
              <a:lnTo>
                <a:pt x="7787" y="14770"/>
              </a:lnTo>
              <a:lnTo>
                <a:pt x="7181" y="14522"/>
              </a:lnTo>
              <a:lnTo>
                <a:pt x="6877" y="13902"/>
              </a:lnTo>
              <a:lnTo>
                <a:pt x="6574" y="13902"/>
              </a:lnTo>
              <a:lnTo>
                <a:pt x="6776" y="13281"/>
              </a:lnTo>
              <a:lnTo>
                <a:pt x="6574" y="12909"/>
              </a:lnTo>
              <a:lnTo>
                <a:pt x="5259" y="12909"/>
              </a:lnTo>
              <a:lnTo>
                <a:pt x="5057" y="12536"/>
              </a:lnTo>
              <a:lnTo>
                <a:pt x="4450" y="12660"/>
              </a:lnTo>
              <a:lnTo>
                <a:pt x="4045" y="12288"/>
              </a:lnTo>
              <a:lnTo>
                <a:pt x="3236" y="12536"/>
              </a:lnTo>
              <a:lnTo>
                <a:pt x="2630" y="12288"/>
              </a:lnTo>
              <a:lnTo>
                <a:pt x="2023" y="13157"/>
              </a:lnTo>
              <a:lnTo>
                <a:pt x="1315" y="13281"/>
              </a:lnTo>
              <a:lnTo>
                <a:pt x="1112" y="13281"/>
              </a:lnTo>
              <a:lnTo>
                <a:pt x="1011" y="13157"/>
              </a:lnTo>
              <a:lnTo>
                <a:pt x="708" y="12288"/>
              </a:lnTo>
              <a:lnTo>
                <a:pt x="0" y="11667"/>
              </a:lnTo>
              <a:lnTo>
                <a:pt x="0" y="9557"/>
              </a:lnTo>
              <a:lnTo>
                <a:pt x="607" y="8937"/>
              </a:lnTo>
              <a:lnTo>
                <a:pt x="1517" y="8688"/>
              </a:lnTo>
              <a:lnTo>
                <a:pt x="2023" y="8440"/>
              </a:lnTo>
              <a:lnTo>
                <a:pt x="2528" y="8316"/>
              </a:lnTo>
              <a:lnTo>
                <a:pt x="3135" y="8316"/>
              </a:lnTo>
              <a:lnTo>
                <a:pt x="3439" y="8192"/>
              </a:lnTo>
              <a:lnTo>
                <a:pt x="3641" y="7447"/>
              </a:lnTo>
              <a:lnTo>
                <a:pt x="3944" y="6578"/>
              </a:lnTo>
              <a:lnTo>
                <a:pt x="4147" y="6578"/>
              </a:lnTo>
              <a:lnTo>
                <a:pt x="4147" y="5958"/>
              </a:lnTo>
              <a:lnTo>
                <a:pt x="4147" y="5585"/>
              </a:lnTo>
              <a:lnTo>
                <a:pt x="4551" y="5461"/>
              </a:lnTo>
              <a:lnTo>
                <a:pt x="5158" y="5461"/>
              </a:lnTo>
              <a:lnTo>
                <a:pt x="5562" y="5213"/>
              </a:lnTo>
              <a:lnTo>
                <a:pt x="6068" y="5337"/>
              </a:lnTo>
              <a:lnTo>
                <a:pt x="6372" y="5213"/>
              </a:lnTo>
              <a:lnTo>
                <a:pt x="6270" y="3972"/>
              </a:lnTo>
              <a:lnTo>
                <a:pt x="6675" y="3848"/>
              </a:lnTo>
              <a:lnTo>
                <a:pt x="7484" y="3972"/>
              </a:lnTo>
              <a:lnTo>
                <a:pt x="7484" y="3600"/>
              </a:lnTo>
              <a:lnTo>
                <a:pt x="7484" y="3103"/>
              </a:lnTo>
              <a:lnTo>
                <a:pt x="7686" y="2607"/>
              </a:lnTo>
              <a:lnTo>
                <a:pt x="7990" y="3848"/>
              </a:lnTo>
              <a:lnTo>
                <a:pt x="8597" y="3848"/>
              </a:lnTo>
              <a:lnTo>
                <a:pt x="8900" y="4096"/>
              </a:lnTo>
              <a:lnTo>
                <a:pt x="9203" y="4592"/>
              </a:lnTo>
              <a:lnTo>
                <a:pt x="9203" y="5461"/>
              </a:lnTo>
              <a:lnTo>
                <a:pt x="9810" y="5834"/>
              </a:lnTo>
              <a:lnTo>
                <a:pt x="9810" y="4965"/>
              </a:lnTo>
              <a:lnTo>
                <a:pt x="9709" y="4220"/>
              </a:lnTo>
              <a:lnTo>
                <a:pt x="9810" y="3475"/>
              </a:lnTo>
              <a:lnTo>
                <a:pt x="10012" y="3972"/>
              </a:lnTo>
              <a:lnTo>
                <a:pt x="10417" y="4344"/>
              </a:lnTo>
              <a:lnTo>
                <a:pt x="10417" y="4096"/>
              </a:lnTo>
              <a:lnTo>
                <a:pt x="10822" y="3972"/>
              </a:lnTo>
              <a:lnTo>
                <a:pt x="11327" y="3972"/>
              </a:lnTo>
              <a:lnTo>
                <a:pt x="11732" y="3475"/>
              </a:lnTo>
              <a:lnTo>
                <a:pt x="12237" y="4096"/>
              </a:lnTo>
              <a:lnTo>
                <a:pt x="12642" y="4220"/>
              </a:lnTo>
              <a:lnTo>
                <a:pt x="12945" y="2731"/>
              </a:lnTo>
              <a:lnTo>
                <a:pt x="13249" y="2855"/>
              </a:lnTo>
              <a:lnTo>
                <a:pt x="13249" y="3600"/>
              </a:lnTo>
              <a:lnTo>
                <a:pt x="13047" y="4468"/>
              </a:lnTo>
              <a:lnTo>
                <a:pt x="14159" y="3475"/>
              </a:lnTo>
              <a:lnTo>
                <a:pt x="14361" y="2358"/>
              </a:lnTo>
              <a:lnTo>
                <a:pt x="14058" y="1862"/>
              </a:lnTo>
              <a:lnTo>
                <a:pt x="13856" y="1489"/>
              </a:lnTo>
              <a:lnTo>
                <a:pt x="13957" y="1489"/>
              </a:lnTo>
              <a:lnTo>
                <a:pt x="14058" y="0"/>
              </a:lnTo>
              <a:lnTo>
                <a:pt x="14260" y="0"/>
              </a:lnTo>
              <a:lnTo>
                <a:pt x="14159" y="496"/>
              </a:lnTo>
              <a:lnTo>
                <a:pt x="14361" y="745"/>
              </a:lnTo>
              <a:lnTo>
                <a:pt x="14361" y="1241"/>
              </a:lnTo>
              <a:lnTo>
                <a:pt x="14462" y="1365"/>
              </a:lnTo>
              <a:lnTo>
                <a:pt x="14564" y="1614"/>
              </a:lnTo>
              <a:lnTo>
                <a:pt x="15272" y="1489"/>
              </a:lnTo>
              <a:lnTo>
                <a:pt x="16283" y="1614"/>
              </a:lnTo>
              <a:lnTo>
                <a:pt x="16384" y="2234"/>
              </a:lnTo>
              <a:lnTo>
                <a:pt x="16384" y="2979"/>
              </a:lnTo>
              <a:lnTo>
                <a:pt x="16384" y="3848"/>
              </a:lnTo>
              <a:lnTo>
                <a:pt x="16081" y="4717"/>
              </a:lnTo>
              <a:lnTo>
                <a:pt x="16081" y="5710"/>
              </a:lnTo>
              <a:lnTo>
                <a:pt x="15777" y="6703"/>
              </a:lnTo>
              <a:lnTo>
                <a:pt x="15676" y="7075"/>
              </a:lnTo>
              <a:lnTo>
                <a:pt x="15979" y="7944"/>
              </a:lnTo>
              <a:lnTo>
                <a:pt x="16081" y="8440"/>
              </a:lnTo>
              <a:lnTo>
                <a:pt x="15878" y="8688"/>
              </a:lnTo>
              <a:lnTo>
                <a:pt x="15777" y="9681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0</xdr:col>
      <xdr:colOff>488950</xdr:colOff>
      <xdr:row>29</xdr:row>
      <xdr:rowOff>114300</xdr:rowOff>
    </xdr:from>
    <xdr:to>
      <xdr:col>12</xdr:col>
      <xdr:colOff>488950</xdr:colOff>
      <xdr:row>35</xdr:row>
      <xdr:rowOff>104775</xdr:rowOff>
    </xdr:to>
    <xdr:sp macro="" textlink="">
      <xdr:nvSpPr>
        <xdr:cNvPr id="5" name="d14204">
          <a:extLst>
            <a:ext uri="{FF2B5EF4-FFF2-40B4-BE49-F238E27FC236}">
              <a16:creationId xmlns:a16="http://schemas.microsoft.com/office/drawing/2014/main" id="{00000000-0008-0000-0200-000005000000}"/>
            </a:ext>
          </a:extLst>
        </xdr:cNvPr>
        <xdr:cNvSpPr>
          <a:spLocks/>
        </xdr:cNvSpPr>
      </xdr:nvSpPr>
      <xdr:spPr bwMode="auto">
        <a:xfrm>
          <a:off x="6584950" y="5781675"/>
          <a:ext cx="1219200" cy="90487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0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15360" y="8021"/>
              </a:moveTo>
              <a:lnTo>
                <a:pt x="15744" y="8704"/>
              </a:lnTo>
              <a:lnTo>
                <a:pt x="15616" y="9557"/>
              </a:lnTo>
              <a:lnTo>
                <a:pt x="15616" y="10240"/>
              </a:lnTo>
              <a:lnTo>
                <a:pt x="16000" y="10752"/>
              </a:lnTo>
              <a:lnTo>
                <a:pt x="16384" y="11264"/>
              </a:lnTo>
              <a:lnTo>
                <a:pt x="16256" y="11947"/>
              </a:lnTo>
              <a:lnTo>
                <a:pt x="15616" y="11776"/>
              </a:lnTo>
              <a:lnTo>
                <a:pt x="14976" y="12629"/>
              </a:lnTo>
              <a:lnTo>
                <a:pt x="14720" y="12800"/>
              </a:lnTo>
              <a:lnTo>
                <a:pt x="13440" y="13653"/>
              </a:lnTo>
              <a:lnTo>
                <a:pt x="12928" y="13653"/>
              </a:lnTo>
              <a:lnTo>
                <a:pt x="12032" y="14848"/>
              </a:lnTo>
              <a:lnTo>
                <a:pt x="11520" y="14848"/>
              </a:lnTo>
              <a:lnTo>
                <a:pt x="10496" y="15701"/>
              </a:lnTo>
              <a:lnTo>
                <a:pt x="9728" y="16213"/>
              </a:lnTo>
              <a:lnTo>
                <a:pt x="9344" y="15531"/>
              </a:lnTo>
              <a:lnTo>
                <a:pt x="8832" y="14848"/>
              </a:lnTo>
              <a:lnTo>
                <a:pt x="8064" y="14848"/>
              </a:lnTo>
              <a:lnTo>
                <a:pt x="7168" y="14848"/>
              </a:lnTo>
              <a:lnTo>
                <a:pt x="7040" y="15189"/>
              </a:lnTo>
              <a:lnTo>
                <a:pt x="6656" y="16043"/>
              </a:lnTo>
              <a:lnTo>
                <a:pt x="6016" y="16384"/>
              </a:lnTo>
              <a:lnTo>
                <a:pt x="5504" y="16384"/>
              </a:lnTo>
              <a:lnTo>
                <a:pt x="4736" y="16213"/>
              </a:lnTo>
              <a:lnTo>
                <a:pt x="4096" y="15872"/>
              </a:lnTo>
              <a:lnTo>
                <a:pt x="3456" y="15701"/>
              </a:lnTo>
              <a:lnTo>
                <a:pt x="2816" y="15531"/>
              </a:lnTo>
              <a:lnTo>
                <a:pt x="1920" y="15360"/>
              </a:lnTo>
              <a:lnTo>
                <a:pt x="1152" y="15360"/>
              </a:lnTo>
              <a:lnTo>
                <a:pt x="512" y="15189"/>
              </a:lnTo>
              <a:lnTo>
                <a:pt x="384" y="15019"/>
              </a:lnTo>
              <a:lnTo>
                <a:pt x="0" y="15189"/>
              </a:lnTo>
              <a:lnTo>
                <a:pt x="512" y="13824"/>
              </a:lnTo>
              <a:lnTo>
                <a:pt x="1024" y="13312"/>
              </a:lnTo>
              <a:lnTo>
                <a:pt x="1408" y="12629"/>
              </a:lnTo>
              <a:lnTo>
                <a:pt x="1408" y="11947"/>
              </a:lnTo>
              <a:lnTo>
                <a:pt x="1536" y="10581"/>
              </a:lnTo>
              <a:lnTo>
                <a:pt x="1920" y="10411"/>
              </a:lnTo>
              <a:lnTo>
                <a:pt x="2176" y="9216"/>
              </a:lnTo>
              <a:lnTo>
                <a:pt x="2560" y="8875"/>
              </a:lnTo>
              <a:lnTo>
                <a:pt x="3072" y="8704"/>
              </a:lnTo>
              <a:lnTo>
                <a:pt x="4096" y="7339"/>
              </a:lnTo>
              <a:lnTo>
                <a:pt x="4352" y="6485"/>
              </a:lnTo>
              <a:lnTo>
                <a:pt x="4096" y="5973"/>
              </a:lnTo>
              <a:lnTo>
                <a:pt x="3456" y="6144"/>
              </a:lnTo>
              <a:lnTo>
                <a:pt x="3584" y="4949"/>
              </a:lnTo>
              <a:lnTo>
                <a:pt x="2944" y="4608"/>
              </a:lnTo>
              <a:lnTo>
                <a:pt x="2560" y="3072"/>
              </a:lnTo>
              <a:lnTo>
                <a:pt x="1536" y="3072"/>
              </a:lnTo>
              <a:lnTo>
                <a:pt x="1280" y="2389"/>
              </a:lnTo>
              <a:lnTo>
                <a:pt x="1408" y="1877"/>
              </a:lnTo>
              <a:lnTo>
                <a:pt x="2048" y="1365"/>
              </a:lnTo>
              <a:lnTo>
                <a:pt x="2432" y="0"/>
              </a:lnTo>
              <a:lnTo>
                <a:pt x="3328" y="1024"/>
              </a:lnTo>
              <a:lnTo>
                <a:pt x="4224" y="1707"/>
              </a:lnTo>
              <a:lnTo>
                <a:pt x="5120" y="2048"/>
              </a:lnTo>
              <a:lnTo>
                <a:pt x="5504" y="2048"/>
              </a:lnTo>
              <a:lnTo>
                <a:pt x="6144" y="2731"/>
              </a:lnTo>
              <a:lnTo>
                <a:pt x="7424" y="3413"/>
              </a:lnTo>
              <a:lnTo>
                <a:pt x="8448" y="2560"/>
              </a:lnTo>
              <a:lnTo>
                <a:pt x="8832" y="1536"/>
              </a:lnTo>
              <a:lnTo>
                <a:pt x="9216" y="1877"/>
              </a:lnTo>
              <a:lnTo>
                <a:pt x="9472" y="2901"/>
              </a:lnTo>
              <a:lnTo>
                <a:pt x="9728" y="3584"/>
              </a:lnTo>
              <a:lnTo>
                <a:pt x="10368" y="4608"/>
              </a:lnTo>
              <a:lnTo>
                <a:pt x="11136" y="5291"/>
              </a:lnTo>
              <a:lnTo>
                <a:pt x="11648" y="5632"/>
              </a:lnTo>
              <a:lnTo>
                <a:pt x="12544" y="5461"/>
              </a:lnTo>
              <a:lnTo>
                <a:pt x="12672" y="5461"/>
              </a:lnTo>
              <a:lnTo>
                <a:pt x="13056" y="6827"/>
              </a:lnTo>
              <a:lnTo>
                <a:pt x="13056" y="7851"/>
              </a:lnTo>
              <a:lnTo>
                <a:pt x="13568" y="8192"/>
              </a:lnTo>
              <a:lnTo>
                <a:pt x="14208" y="8192"/>
              </a:lnTo>
              <a:lnTo>
                <a:pt x="15360" y="8021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9</xdr:col>
      <xdr:colOff>41275</xdr:colOff>
      <xdr:row>24</xdr:row>
      <xdr:rowOff>0</xdr:rowOff>
    </xdr:from>
    <xdr:to>
      <xdr:col>11</xdr:col>
      <xdr:colOff>212725</xdr:colOff>
      <xdr:row>35</xdr:row>
      <xdr:rowOff>28575</xdr:rowOff>
    </xdr:to>
    <xdr:sp macro="" textlink="">
      <xdr:nvSpPr>
        <xdr:cNvPr id="6" name="d14205">
          <a:extLst>
            <a:ext uri="{FF2B5EF4-FFF2-40B4-BE49-F238E27FC236}">
              <a16:creationId xmlns:a16="http://schemas.microsoft.com/office/drawing/2014/main" id="{00000000-0008-0000-0200-000006000000}"/>
            </a:ext>
          </a:extLst>
        </xdr:cNvPr>
        <xdr:cNvSpPr>
          <a:spLocks/>
        </xdr:cNvSpPr>
      </xdr:nvSpPr>
      <xdr:spPr bwMode="auto">
        <a:xfrm>
          <a:off x="4956175" y="4902200"/>
          <a:ext cx="1263650" cy="170497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0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2147483646 h 16384"/>
            <a:gd name="T102" fmla="*/ 2147483646 w 16384"/>
            <a:gd name="T103" fmla="*/ 2147483646 h 16384"/>
            <a:gd name="T104" fmla="*/ 2147483646 w 16384"/>
            <a:gd name="T105" fmla="*/ 2147483646 h 16384"/>
            <a:gd name="T106" fmla="*/ 2147483646 w 16384"/>
            <a:gd name="T107" fmla="*/ 2147483646 h 16384"/>
            <a:gd name="T108" fmla="*/ 2147483646 w 16384"/>
            <a:gd name="T109" fmla="*/ 0 h 16384"/>
            <a:gd name="T110" fmla="*/ 2147483646 w 16384"/>
            <a:gd name="T111" fmla="*/ 2147483646 h 16384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w 16384"/>
            <a:gd name="T169" fmla="*/ 0 h 16384"/>
            <a:gd name="T170" fmla="*/ 16384 w 16384"/>
            <a:gd name="T171" fmla="*/ 16384 h 16384"/>
          </a:gdLst>
          <a:ahLst/>
          <a:cxnLst>
            <a:cxn ang="T112">
              <a:pos x="T0" y="T1"/>
            </a:cxn>
            <a:cxn ang="T113">
              <a:pos x="T2" y="T3"/>
            </a:cxn>
            <a:cxn ang="T114">
              <a:pos x="T4" y="T5"/>
            </a:cxn>
            <a:cxn ang="T115">
              <a:pos x="T6" y="T7"/>
            </a:cxn>
            <a:cxn ang="T116">
              <a:pos x="T8" y="T9"/>
            </a:cxn>
            <a:cxn ang="T117">
              <a:pos x="T10" y="T11"/>
            </a:cxn>
            <a:cxn ang="T118">
              <a:pos x="T12" y="T13"/>
            </a:cxn>
            <a:cxn ang="T119">
              <a:pos x="T14" y="T15"/>
            </a:cxn>
            <a:cxn ang="T120">
              <a:pos x="T16" y="T17"/>
            </a:cxn>
            <a:cxn ang="T121">
              <a:pos x="T18" y="T19"/>
            </a:cxn>
            <a:cxn ang="T122">
              <a:pos x="T20" y="T21"/>
            </a:cxn>
            <a:cxn ang="T123">
              <a:pos x="T22" y="T23"/>
            </a:cxn>
            <a:cxn ang="T124">
              <a:pos x="T24" y="T25"/>
            </a:cxn>
            <a:cxn ang="T125">
              <a:pos x="T26" y="T27"/>
            </a:cxn>
            <a:cxn ang="T126">
              <a:pos x="T28" y="T29"/>
            </a:cxn>
            <a:cxn ang="T127">
              <a:pos x="T30" y="T31"/>
            </a:cxn>
            <a:cxn ang="T128">
              <a:pos x="T32" y="T33"/>
            </a:cxn>
            <a:cxn ang="T129">
              <a:pos x="T34" y="T35"/>
            </a:cxn>
            <a:cxn ang="T130">
              <a:pos x="T36" y="T37"/>
            </a:cxn>
            <a:cxn ang="T131">
              <a:pos x="T38" y="T39"/>
            </a:cxn>
            <a:cxn ang="T132">
              <a:pos x="T40" y="T41"/>
            </a:cxn>
            <a:cxn ang="T133">
              <a:pos x="T42" y="T43"/>
            </a:cxn>
            <a:cxn ang="T134">
              <a:pos x="T44" y="T45"/>
            </a:cxn>
            <a:cxn ang="T135">
              <a:pos x="T46" y="T47"/>
            </a:cxn>
            <a:cxn ang="T136">
              <a:pos x="T48" y="T49"/>
            </a:cxn>
            <a:cxn ang="T137">
              <a:pos x="T50" y="T51"/>
            </a:cxn>
            <a:cxn ang="T138">
              <a:pos x="T52" y="T53"/>
            </a:cxn>
            <a:cxn ang="T139">
              <a:pos x="T54" y="T55"/>
            </a:cxn>
            <a:cxn ang="T140">
              <a:pos x="T56" y="T57"/>
            </a:cxn>
            <a:cxn ang="T141">
              <a:pos x="T58" y="T59"/>
            </a:cxn>
            <a:cxn ang="T142">
              <a:pos x="T60" y="T61"/>
            </a:cxn>
            <a:cxn ang="T143">
              <a:pos x="T62" y="T63"/>
            </a:cxn>
            <a:cxn ang="T144">
              <a:pos x="T64" y="T65"/>
            </a:cxn>
            <a:cxn ang="T145">
              <a:pos x="T66" y="T67"/>
            </a:cxn>
            <a:cxn ang="T146">
              <a:pos x="T68" y="T69"/>
            </a:cxn>
            <a:cxn ang="T147">
              <a:pos x="T70" y="T71"/>
            </a:cxn>
            <a:cxn ang="T148">
              <a:pos x="T72" y="T73"/>
            </a:cxn>
            <a:cxn ang="T149">
              <a:pos x="T74" y="T75"/>
            </a:cxn>
            <a:cxn ang="T150">
              <a:pos x="T76" y="T77"/>
            </a:cxn>
            <a:cxn ang="T151">
              <a:pos x="T78" y="T79"/>
            </a:cxn>
            <a:cxn ang="T152">
              <a:pos x="T80" y="T81"/>
            </a:cxn>
            <a:cxn ang="T153">
              <a:pos x="T82" y="T83"/>
            </a:cxn>
            <a:cxn ang="T154">
              <a:pos x="T84" y="T85"/>
            </a:cxn>
            <a:cxn ang="T155">
              <a:pos x="T86" y="T87"/>
            </a:cxn>
            <a:cxn ang="T156">
              <a:pos x="T88" y="T89"/>
            </a:cxn>
            <a:cxn ang="T157">
              <a:pos x="T90" y="T91"/>
            </a:cxn>
            <a:cxn ang="T158">
              <a:pos x="T92" y="T93"/>
            </a:cxn>
            <a:cxn ang="T159">
              <a:pos x="T94" y="T95"/>
            </a:cxn>
            <a:cxn ang="T160">
              <a:pos x="T96" y="T97"/>
            </a:cxn>
            <a:cxn ang="T161">
              <a:pos x="T98" y="T99"/>
            </a:cxn>
            <a:cxn ang="T162">
              <a:pos x="T100" y="T101"/>
            </a:cxn>
            <a:cxn ang="T163">
              <a:pos x="T102" y="T103"/>
            </a:cxn>
            <a:cxn ang="T164">
              <a:pos x="T104" y="T105"/>
            </a:cxn>
            <a:cxn ang="T165">
              <a:pos x="T106" y="T107"/>
            </a:cxn>
            <a:cxn ang="T166">
              <a:pos x="T108" y="T109"/>
            </a:cxn>
            <a:cxn ang="T167">
              <a:pos x="T110" y="T111"/>
            </a:cxn>
          </a:cxnLst>
          <a:rect l="T168" t="T169" r="T170" b="T171"/>
          <a:pathLst>
            <a:path w="16384" h="16384">
              <a:moveTo>
                <a:pt x="10549" y="1267"/>
              </a:moveTo>
              <a:lnTo>
                <a:pt x="10997" y="1448"/>
              </a:lnTo>
              <a:lnTo>
                <a:pt x="11334" y="1720"/>
              </a:lnTo>
              <a:lnTo>
                <a:pt x="11334" y="2082"/>
              </a:lnTo>
              <a:lnTo>
                <a:pt x="11222" y="2625"/>
              </a:lnTo>
              <a:lnTo>
                <a:pt x="11110" y="3259"/>
              </a:lnTo>
              <a:lnTo>
                <a:pt x="11222" y="3621"/>
              </a:lnTo>
              <a:lnTo>
                <a:pt x="11110" y="3983"/>
              </a:lnTo>
              <a:lnTo>
                <a:pt x="11334" y="4345"/>
              </a:lnTo>
              <a:lnTo>
                <a:pt x="11446" y="4888"/>
              </a:lnTo>
              <a:lnTo>
                <a:pt x="11446" y="5250"/>
              </a:lnTo>
              <a:lnTo>
                <a:pt x="11895" y="5522"/>
              </a:lnTo>
              <a:lnTo>
                <a:pt x="12120" y="5884"/>
              </a:lnTo>
              <a:lnTo>
                <a:pt x="12344" y="5974"/>
              </a:lnTo>
              <a:lnTo>
                <a:pt x="12569" y="6517"/>
              </a:lnTo>
              <a:lnTo>
                <a:pt x="12905" y="6698"/>
              </a:lnTo>
              <a:lnTo>
                <a:pt x="13354" y="6970"/>
              </a:lnTo>
              <a:lnTo>
                <a:pt x="13579" y="7332"/>
              </a:lnTo>
              <a:lnTo>
                <a:pt x="13466" y="7694"/>
              </a:lnTo>
              <a:lnTo>
                <a:pt x="13017" y="7966"/>
              </a:lnTo>
              <a:lnTo>
                <a:pt x="12793" y="8418"/>
              </a:lnTo>
              <a:lnTo>
                <a:pt x="12569" y="8871"/>
              </a:lnTo>
              <a:lnTo>
                <a:pt x="12456" y="9505"/>
              </a:lnTo>
              <a:lnTo>
                <a:pt x="13130" y="9686"/>
              </a:lnTo>
              <a:lnTo>
                <a:pt x="13691" y="9595"/>
              </a:lnTo>
              <a:lnTo>
                <a:pt x="13915" y="9957"/>
              </a:lnTo>
              <a:lnTo>
                <a:pt x="14813" y="9957"/>
              </a:lnTo>
              <a:lnTo>
                <a:pt x="15150" y="10772"/>
              </a:lnTo>
              <a:lnTo>
                <a:pt x="15711" y="10953"/>
              </a:lnTo>
              <a:lnTo>
                <a:pt x="15598" y="11586"/>
              </a:lnTo>
              <a:lnTo>
                <a:pt x="16160" y="11496"/>
              </a:lnTo>
              <a:lnTo>
                <a:pt x="16384" y="11768"/>
              </a:lnTo>
              <a:lnTo>
                <a:pt x="16160" y="12220"/>
              </a:lnTo>
              <a:lnTo>
                <a:pt x="15262" y="12944"/>
              </a:lnTo>
              <a:lnTo>
                <a:pt x="14813" y="13035"/>
              </a:lnTo>
              <a:lnTo>
                <a:pt x="14476" y="13216"/>
              </a:lnTo>
              <a:lnTo>
                <a:pt x="14252" y="13849"/>
              </a:lnTo>
              <a:lnTo>
                <a:pt x="13915" y="13940"/>
              </a:lnTo>
              <a:lnTo>
                <a:pt x="13803" y="14664"/>
              </a:lnTo>
              <a:lnTo>
                <a:pt x="13803" y="15026"/>
              </a:lnTo>
              <a:lnTo>
                <a:pt x="13466" y="15388"/>
              </a:lnTo>
              <a:lnTo>
                <a:pt x="13017" y="15660"/>
              </a:lnTo>
              <a:lnTo>
                <a:pt x="12569" y="16384"/>
              </a:lnTo>
              <a:lnTo>
                <a:pt x="12232" y="16384"/>
              </a:lnTo>
              <a:lnTo>
                <a:pt x="11895" y="16384"/>
              </a:lnTo>
              <a:lnTo>
                <a:pt x="11222" y="16022"/>
              </a:lnTo>
              <a:lnTo>
                <a:pt x="10661" y="15479"/>
              </a:lnTo>
              <a:lnTo>
                <a:pt x="9988" y="15298"/>
              </a:lnTo>
              <a:lnTo>
                <a:pt x="9202" y="15117"/>
              </a:lnTo>
              <a:lnTo>
                <a:pt x="8192" y="15026"/>
              </a:lnTo>
              <a:lnTo>
                <a:pt x="7406" y="14936"/>
              </a:lnTo>
              <a:lnTo>
                <a:pt x="6621" y="14755"/>
              </a:lnTo>
              <a:lnTo>
                <a:pt x="5948" y="14755"/>
              </a:lnTo>
              <a:lnTo>
                <a:pt x="6060" y="14212"/>
              </a:lnTo>
              <a:lnTo>
                <a:pt x="6284" y="13578"/>
              </a:lnTo>
              <a:lnTo>
                <a:pt x="6509" y="13035"/>
              </a:lnTo>
              <a:lnTo>
                <a:pt x="6733" y="12401"/>
              </a:lnTo>
              <a:lnTo>
                <a:pt x="6845" y="11768"/>
              </a:lnTo>
              <a:lnTo>
                <a:pt x="6509" y="11405"/>
              </a:lnTo>
              <a:lnTo>
                <a:pt x="6509" y="11043"/>
              </a:lnTo>
              <a:lnTo>
                <a:pt x="6284" y="10500"/>
              </a:lnTo>
              <a:lnTo>
                <a:pt x="5835" y="10138"/>
              </a:lnTo>
              <a:lnTo>
                <a:pt x="5723" y="9414"/>
              </a:lnTo>
              <a:lnTo>
                <a:pt x="5835" y="8961"/>
              </a:lnTo>
              <a:lnTo>
                <a:pt x="6172" y="8871"/>
              </a:lnTo>
              <a:lnTo>
                <a:pt x="6284" y="8328"/>
              </a:lnTo>
              <a:lnTo>
                <a:pt x="5387" y="8328"/>
              </a:lnTo>
              <a:lnTo>
                <a:pt x="5499" y="7785"/>
              </a:lnTo>
              <a:lnTo>
                <a:pt x="5274" y="7694"/>
              </a:lnTo>
              <a:lnTo>
                <a:pt x="4938" y="8056"/>
              </a:lnTo>
              <a:lnTo>
                <a:pt x="4489" y="7875"/>
              </a:lnTo>
              <a:lnTo>
                <a:pt x="4938" y="7694"/>
              </a:lnTo>
              <a:lnTo>
                <a:pt x="4938" y="7332"/>
              </a:lnTo>
              <a:lnTo>
                <a:pt x="5274" y="6879"/>
              </a:lnTo>
              <a:lnTo>
                <a:pt x="4938" y="6246"/>
              </a:lnTo>
              <a:lnTo>
                <a:pt x="3928" y="6427"/>
              </a:lnTo>
              <a:lnTo>
                <a:pt x="3142" y="6155"/>
              </a:lnTo>
              <a:lnTo>
                <a:pt x="1459" y="7061"/>
              </a:lnTo>
              <a:lnTo>
                <a:pt x="1234" y="6879"/>
              </a:lnTo>
              <a:lnTo>
                <a:pt x="786" y="6246"/>
              </a:lnTo>
              <a:lnTo>
                <a:pt x="898" y="5431"/>
              </a:lnTo>
              <a:lnTo>
                <a:pt x="224" y="5341"/>
              </a:lnTo>
              <a:lnTo>
                <a:pt x="449" y="4616"/>
              </a:lnTo>
              <a:lnTo>
                <a:pt x="0" y="4435"/>
              </a:lnTo>
              <a:lnTo>
                <a:pt x="224" y="4073"/>
              </a:lnTo>
              <a:lnTo>
                <a:pt x="561" y="4073"/>
              </a:lnTo>
              <a:lnTo>
                <a:pt x="898" y="4164"/>
              </a:lnTo>
              <a:lnTo>
                <a:pt x="1234" y="3892"/>
              </a:lnTo>
              <a:lnTo>
                <a:pt x="1571" y="3892"/>
              </a:lnTo>
              <a:lnTo>
                <a:pt x="1796" y="3259"/>
              </a:lnTo>
              <a:lnTo>
                <a:pt x="2357" y="2625"/>
              </a:lnTo>
              <a:lnTo>
                <a:pt x="2805" y="1720"/>
              </a:lnTo>
              <a:lnTo>
                <a:pt x="4264" y="2082"/>
              </a:lnTo>
              <a:lnTo>
                <a:pt x="4264" y="1629"/>
              </a:lnTo>
              <a:lnTo>
                <a:pt x="5162" y="1720"/>
              </a:lnTo>
              <a:lnTo>
                <a:pt x="6172" y="2082"/>
              </a:lnTo>
              <a:lnTo>
                <a:pt x="6621" y="2444"/>
              </a:lnTo>
              <a:lnTo>
                <a:pt x="6733" y="3078"/>
              </a:lnTo>
              <a:lnTo>
                <a:pt x="7294" y="3349"/>
              </a:lnTo>
              <a:lnTo>
                <a:pt x="7182" y="2897"/>
              </a:lnTo>
              <a:lnTo>
                <a:pt x="8080" y="2897"/>
              </a:lnTo>
              <a:lnTo>
                <a:pt x="8529" y="1991"/>
              </a:lnTo>
              <a:lnTo>
                <a:pt x="8080" y="1539"/>
              </a:lnTo>
              <a:lnTo>
                <a:pt x="6845" y="634"/>
              </a:lnTo>
              <a:lnTo>
                <a:pt x="7406" y="453"/>
              </a:lnTo>
              <a:lnTo>
                <a:pt x="7743" y="724"/>
              </a:lnTo>
              <a:lnTo>
                <a:pt x="8192" y="815"/>
              </a:lnTo>
              <a:lnTo>
                <a:pt x="8753" y="905"/>
              </a:lnTo>
              <a:lnTo>
                <a:pt x="9202" y="1086"/>
              </a:lnTo>
              <a:lnTo>
                <a:pt x="9426" y="0"/>
              </a:lnTo>
              <a:lnTo>
                <a:pt x="9875" y="91"/>
              </a:lnTo>
              <a:lnTo>
                <a:pt x="9763" y="996"/>
              </a:lnTo>
              <a:lnTo>
                <a:pt x="10549" y="1267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2</xdr:col>
      <xdr:colOff>463550</xdr:colOff>
      <xdr:row>33</xdr:row>
      <xdr:rowOff>6350</xdr:rowOff>
    </xdr:from>
    <xdr:to>
      <xdr:col>6</xdr:col>
      <xdr:colOff>63500</xdr:colOff>
      <xdr:row>46</xdr:row>
      <xdr:rowOff>73025</xdr:rowOff>
    </xdr:to>
    <xdr:sp macro="" textlink="">
      <xdr:nvSpPr>
        <xdr:cNvPr id="7" name="d14206">
          <a:extLst>
            <a:ext uri="{FF2B5EF4-FFF2-40B4-BE49-F238E27FC236}">
              <a16:creationId xmlns:a16="http://schemas.microsoft.com/office/drawing/2014/main" id="{00000000-0008-0000-0200-000007000000}"/>
            </a:ext>
          </a:extLst>
        </xdr:cNvPr>
        <xdr:cNvSpPr>
          <a:spLocks/>
        </xdr:cNvSpPr>
      </xdr:nvSpPr>
      <xdr:spPr bwMode="auto">
        <a:xfrm>
          <a:off x="1555750" y="6280150"/>
          <a:ext cx="1784350" cy="204787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0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0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0 w 16384"/>
            <a:gd name="T99" fmla="*/ 2147483646 h 16384"/>
            <a:gd name="T100" fmla="*/ 2147483646 w 16384"/>
            <a:gd name="T101" fmla="*/ 2147483646 h 16384"/>
            <a:gd name="T102" fmla="*/ 2147483646 w 16384"/>
            <a:gd name="T103" fmla="*/ 2147483646 h 16384"/>
            <a:gd name="T104" fmla="*/ 2147483646 w 16384"/>
            <a:gd name="T105" fmla="*/ 2147483646 h 16384"/>
            <a:gd name="T106" fmla="*/ 2147483646 w 16384"/>
            <a:gd name="T107" fmla="*/ 2147483646 h 16384"/>
            <a:gd name="T108" fmla="*/ 2147483646 w 16384"/>
            <a:gd name="T109" fmla="*/ 2147483646 h 16384"/>
            <a:gd name="T110" fmla="*/ 2147483646 w 16384"/>
            <a:gd name="T111" fmla="*/ 2147483646 h 16384"/>
            <a:gd name="T112" fmla="*/ 2147483646 w 16384"/>
            <a:gd name="T113" fmla="*/ 2147483646 h 16384"/>
            <a:gd name="T114" fmla="*/ 2147483646 w 16384"/>
            <a:gd name="T115" fmla="*/ 2147483646 h 16384"/>
            <a:gd name="T116" fmla="*/ 2147483646 w 16384"/>
            <a:gd name="T117" fmla="*/ 2147483646 h 16384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w 16384"/>
            <a:gd name="T178" fmla="*/ 0 h 16384"/>
            <a:gd name="T179" fmla="*/ 16384 w 16384"/>
            <a:gd name="T180" fmla="*/ 16384 h 16384"/>
          </a:gdLst>
          <a:ahLst/>
          <a:cxnLst>
            <a:cxn ang="T118">
              <a:pos x="T0" y="T1"/>
            </a:cxn>
            <a:cxn ang="T119">
              <a:pos x="T2" y="T3"/>
            </a:cxn>
            <a:cxn ang="T120">
              <a:pos x="T4" y="T5"/>
            </a:cxn>
            <a:cxn ang="T121">
              <a:pos x="T6" y="T7"/>
            </a:cxn>
            <a:cxn ang="T122">
              <a:pos x="T8" y="T9"/>
            </a:cxn>
            <a:cxn ang="T123">
              <a:pos x="T10" y="T11"/>
            </a:cxn>
            <a:cxn ang="T124">
              <a:pos x="T12" y="T13"/>
            </a:cxn>
            <a:cxn ang="T125">
              <a:pos x="T14" y="T15"/>
            </a:cxn>
            <a:cxn ang="T126">
              <a:pos x="T16" y="T17"/>
            </a:cxn>
            <a:cxn ang="T127">
              <a:pos x="T18" y="T19"/>
            </a:cxn>
            <a:cxn ang="T128">
              <a:pos x="T20" y="T21"/>
            </a:cxn>
            <a:cxn ang="T129">
              <a:pos x="T22" y="T23"/>
            </a:cxn>
            <a:cxn ang="T130">
              <a:pos x="T24" y="T25"/>
            </a:cxn>
            <a:cxn ang="T131">
              <a:pos x="T26" y="T27"/>
            </a:cxn>
            <a:cxn ang="T132">
              <a:pos x="T28" y="T29"/>
            </a:cxn>
            <a:cxn ang="T133">
              <a:pos x="T30" y="T31"/>
            </a:cxn>
            <a:cxn ang="T134">
              <a:pos x="T32" y="T33"/>
            </a:cxn>
            <a:cxn ang="T135">
              <a:pos x="T34" y="T35"/>
            </a:cxn>
            <a:cxn ang="T136">
              <a:pos x="T36" y="T37"/>
            </a:cxn>
            <a:cxn ang="T137">
              <a:pos x="T38" y="T39"/>
            </a:cxn>
            <a:cxn ang="T138">
              <a:pos x="T40" y="T41"/>
            </a:cxn>
            <a:cxn ang="T139">
              <a:pos x="T42" y="T43"/>
            </a:cxn>
            <a:cxn ang="T140">
              <a:pos x="T44" y="T45"/>
            </a:cxn>
            <a:cxn ang="T141">
              <a:pos x="T46" y="T47"/>
            </a:cxn>
            <a:cxn ang="T142">
              <a:pos x="T48" y="T49"/>
            </a:cxn>
            <a:cxn ang="T143">
              <a:pos x="T50" y="T51"/>
            </a:cxn>
            <a:cxn ang="T144">
              <a:pos x="T52" y="T53"/>
            </a:cxn>
            <a:cxn ang="T145">
              <a:pos x="T54" y="T55"/>
            </a:cxn>
            <a:cxn ang="T146">
              <a:pos x="T56" y="T57"/>
            </a:cxn>
            <a:cxn ang="T147">
              <a:pos x="T58" y="T59"/>
            </a:cxn>
            <a:cxn ang="T148">
              <a:pos x="T60" y="T61"/>
            </a:cxn>
            <a:cxn ang="T149">
              <a:pos x="T62" y="T63"/>
            </a:cxn>
            <a:cxn ang="T150">
              <a:pos x="T64" y="T65"/>
            </a:cxn>
            <a:cxn ang="T151">
              <a:pos x="T66" y="T67"/>
            </a:cxn>
            <a:cxn ang="T152">
              <a:pos x="T68" y="T69"/>
            </a:cxn>
            <a:cxn ang="T153">
              <a:pos x="T70" y="T71"/>
            </a:cxn>
            <a:cxn ang="T154">
              <a:pos x="T72" y="T73"/>
            </a:cxn>
            <a:cxn ang="T155">
              <a:pos x="T74" y="T75"/>
            </a:cxn>
            <a:cxn ang="T156">
              <a:pos x="T76" y="T77"/>
            </a:cxn>
            <a:cxn ang="T157">
              <a:pos x="T78" y="T79"/>
            </a:cxn>
            <a:cxn ang="T158">
              <a:pos x="T80" y="T81"/>
            </a:cxn>
            <a:cxn ang="T159">
              <a:pos x="T82" y="T83"/>
            </a:cxn>
            <a:cxn ang="T160">
              <a:pos x="T84" y="T85"/>
            </a:cxn>
            <a:cxn ang="T161">
              <a:pos x="T86" y="T87"/>
            </a:cxn>
            <a:cxn ang="T162">
              <a:pos x="T88" y="T89"/>
            </a:cxn>
            <a:cxn ang="T163">
              <a:pos x="T90" y="T91"/>
            </a:cxn>
            <a:cxn ang="T164">
              <a:pos x="T92" y="T93"/>
            </a:cxn>
            <a:cxn ang="T165">
              <a:pos x="T94" y="T95"/>
            </a:cxn>
            <a:cxn ang="T166">
              <a:pos x="T96" y="T97"/>
            </a:cxn>
            <a:cxn ang="T167">
              <a:pos x="T98" y="T99"/>
            </a:cxn>
            <a:cxn ang="T168">
              <a:pos x="T100" y="T101"/>
            </a:cxn>
            <a:cxn ang="T169">
              <a:pos x="T102" y="T103"/>
            </a:cxn>
            <a:cxn ang="T170">
              <a:pos x="T104" y="T105"/>
            </a:cxn>
            <a:cxn ang="T171">
              <a:pos x="T106" y="T107"/>
            </a:cxn>
            <a:cxn ang="T172">
              <a:pos x="T108" y="T109"/>
            </a:cxn>
            <a:cxn ang="T173">
              <a:pos x="T110" y="T111"/>
            </a:cxn>
            <a:cxn ang="T174">
              <a:pos x="T112" y="T113"/>
            </a:cxn>
            <a:cxn ang="T175">
              <a:pos x="T114" y="T115"/>
            </a:cxn>
            <a:cxn ang="T176">
              <a:pos x="T116" y="T117"/>
            </a:cxn>
          </a:cxnLst>
          <a:rect l="T177" t="T178" r="T179" b="T180"/>
          <a:pathLst>
            <a:path w="16384" h="16384">
              <a:moveTo>
                <a:pt x="6508" y="1483"/>
              </a:moveTo>
              <a:lnTo>
                <a:pt x="6584" y="1260"/>
              </a:lnTo>
              <a:lnTo>
                <a:pt x="6814" y="1112"/>
              </a:lnTo>
              <a:lnTo>
                <a:pt x="7120" y="964"/>
              </a:lnTo>
              <a:lnTo>
                <a:pt x="7273" y="593"/>
              </a:lnTo>
              <a:lnTo>
                <a:pt x="7580" y="593"/>
              </a:lnTo>
              <a:lnTo>
                <a:pt x="8269" y="1705"/>
              </a:lnTo>
              <a:lnTo>
                <a:pt x="8804" y="1779"/>
              </a:lnTo>
              <a:lnTo>
                <a:pt x="9187" y="1557"/>
              </a:lnTo>
              <a:lnTo>
                <a:pt x="9570" y="1186"/>
              </a:lnTo>
              <a:lnTo>
                <a:pt x="9647" y="1409"/>
              </a:lnTo>
              <a:lnTo>
                <a:pt x="9800" y="1112"/>
              </a:lnTo>
              <a:lnTo>
                <a:pt x="9953" y="890"/>
              </a:lnTo>
              <a:lnTo>
                <a:pt x="10183" y="741"/>
              </a:lnTo>
              <a:lnTo>
                <a:pt x="10259" y="371"/>
              </a:lnTo>
              <a:lnTo>
                <a:pt x="10336" y="297"/>
              </a:lnTo>
              <a:lnTo>
                <a:pt x="10948" y="148"/>
              </a:lnTo>
              <a:lnTo>
                <a:pt x="11101" y="0"/>
              </a:lnTo>
              <a:lnTo>
                <a:pt x="11254" y="74"/>
              </a:lnTo>
              <a:lnTo>
                <a:pt x="11331" y="222"/>
              </a:lnTo>
              <a:lnTo>
                <a:pt x="11714" y="741"/>
              </a:lnTo>
              <a:lnTo>
                <a:pt x="11943" y="1038"/>
              </a:lnTo>
              <a:lnTo>
                <a:pt x="12250" y="1260"/>
              </a:lnTo>
              <a:lnTo>
                <a:pt x="12709" y="1557"/>
              </a:lnTo>
              <a:lnTo>
                <a:pt x="12862" y="1557"/>
              </a:lnTo>
              <a:lnTo>
                <a:pt x="13092" y="1853"/>
              </a:lnTo>
              <a:lnTo>
                <a:pt x="13092" y="2150"/>
              </a:lnTo>
              <a:lnTo>
                <a:pt x="13551" y="1928"/>
              </a:lnTo>
              <a:lnTo>
                <a:pt x="13857" y="1705"/>
              </a:lnTo>
              <a:lnTo>
                <a:pt x="14240" y="1260"/>
              </a:lnTo>
              <a:lnTo>
                <a:pt x="14853" y="1483"/>
              </a:lnTo>
              <a:lnTo>
                <a:pt x="15312" y="1483"/>
              </a:lnTo>
              <a:lnTo>
                <a:pt x="15695" y="1186"/>
              </a:lnTo>
              <a:lnTo>
                <a:pt x="15848" y="1038"/>
              </a:lnTo>
              <a:lnTo>
                <a:pt x="15925" y="1334"/>
              </a:lnTo>
              <a:lnTo>
                <a:pt x="16078" y="1483"/>
              </a:lnTo>
              <a:lnTo>
                <a:pt x="16384" y="1631"/>
              </a:lnTo>
              <a:lnTo>
                <a:pt x="16231" y="2150"/>
              </a:lnTo>
              <a:lnTo>
                <a:pt x="16231" y="2446"/>
              </a:lnTo>
              <a:lnTo>
                <a:pt x="16307" y="2669"/>
              </a:lnTo>
              <a:lnTo>
                <a:pt x="16307" y="2891"/>
              </a:lnTo>
              <a:lnTo>
                <a:pt x="16231" y="3262"/>
              </a:lnTo>
              <a:lnTo>
                <a:pt x="16078" y="3484"/>
              </a:lnTo>
              <a:lnTo>
                <a:pt x="16231" y="3559"/>
              </a:lnTo>
              <a:lnTo>
                <a:pt x="16231" y="3707"/>
              </a:lnTo>
              <a:lnTo>
                <a:pt x="16078" y="3855"/>
              </a:lnTo>
              <a:lnTo>
                <a:pt x="16001" y="4226"/>
              </a:lnTo>
              <a:lnTo>
                <a:pt x="16154" y="4596"/>
              </a:lnTo>
              <a:lnTo>
                <a:pt x="15772" y="4745"/>
              </a:lnTo>
              <a:lnTo>
                <a:pt x="15465" y="4893"/>
              </a:lnTo>
              <a:lnTo>
                <a:pt x="15082" y="5041"/>
              </a:lnTo>
              <a:lnTo>
                <a:pt x="14700" y="5190"/>
              </a:lnTo>
              <a:lnTo>
                <a:pt x="14164" y="5486"/>
              </a:lnTo>
              <a:lnTo>
                <a:pt x="13704" y="5708"/>
              </a:lnTo>
              <a:lnTo>
                <a:pt x="13092" y="6153"/>
              </a:lnTo>
              <a:lnTo>
                <a:pt x="12709" y="6524"/>
              </a:lnTo>
              <a:lnTo>
                <a:pt x="12403" y="6746"/>
              </a:lnTo>
              <a:lnTo>
                <a:pt x="11943" y="7117"/>
              </a:lnTo>
              <a:lnTo>
                <a:pt x="11561" y="7414"/>
              </a:lnTo>
              <a:lnTo>
                <a:pt x="11101" y="7710"/>
              </a:lnTo>
              <a:lnTo>
                <a:pt x="10719" y="7858"/>
              </a:lnTo>
              <a:lnTo>
                <a:pt x="10336" y="8081"/>
              </a:lnTo>
              <a:lnTo>
                <a:pt x="9953" y="8377"/>
              </a:lnTo>
              <a:lnTo>
                <a:pt x="9417" y="8822"/>
              </a:lnTo>
              <a:lnTo>
                <a:pt x="8958" y="9193"/>
              </a:lnTo>
              <a:lnTo>
                <a:pt x="8422" y="9564"/>
              </a:lnTo>
              <a:lnTo>
                <a:pt x="8192" y="9564"/>
              </a:lnTo>
              <a:lnTo>
                <a:pt x="8039" y="9712"/>
              </a:lnTo>
              <a:lnTo>
                <a:pt x="7733" y="10157"/>
              </a:lnTo>
              <a:lnTo>
                <a:pt x="7426" y="10305"/>
              </a:lnTo>
              <a:lnTo>
                <a:pt x="7350" y="10750"/>
              </a:lnTo>
              <a:lnTo>
                <a:pt x="7273" y="11343"/>
              </a:lnTo>
              <a:lnTo>
                <a:pt x="7350" y="12158"/>
              </a:lnTo>
              <a:lnTo>
                <a:pt x="7503" y="12751"/>
              </a:lnTo>
              <a:lnTo>
                <a:pt x="7350" y="13344"/>
              </a:lnTo>
              <a:lnTo>
                <a:pt x="7273" y="13641"/>
              </a:lnTo>
              <a:lnTo>
                <a:pt x="7197" y="13938"/>
              </a:lnTo>
              <a:lnTo>
                <a:pt x="7044" y="14456"/>
              </a:lnTo>
              <a:lnTo>
                <a:pt x="7120" y="14827"/>
              </a:lnTo>
              <a:lnTo>
                <a:pt x="7197" y="15124"/>
              </a:lnTo>
              <a:lnTo>
                <a:pt x="7044" y="15569"/>
              </a:lnTo>
              <a:lnTo>
                <a:pt x="6967" y="15865"/>
              </a:lnTo>
              <a:lnTo>
                <a:pt x="6967" y="16013"/>
              </a:lnTo>
              <a:lnTo>
                <a:pt x="7044" y="16236"/>
              </a:lnTo>
              <a:lnTo>
                <a:pt x="6814" y="16384"/>
              </a:lnTo>
              <a:lnTo>
                <a:pt x="5589" y="15717"/>
              </a:lnTo>
              <a:lnTo>
                <a:pt x="4747" y="15346"/>
              </a:lnTo>
              <a:lnTo>
                <a:pt x="4364" y="15272"/>
              </a:lnTo>
              <a:lnTo>
                <a:pt x="3981" y="15198"/>
              </a:lnTo>
              <a:lnTo>
                <a:pt x="3522" y="15050"/>
              </a:lnTo>
              <a:lnTo>
                <a:pt x="3062" y="14975"/>
              </a:lnTo>
              <a:lnTo>
                <a:pt x="2756" y="14531"/>
              </a:lnTo>
              <a:lnTo>
                <a:pt x="2450" y="14382"/>
              </a:lnTo>
              <a:lnTo>
                <a:pt x="2220" y="14456"/>
              </a:lnTo>
              <a:lnTo>
                <a:pt x="1761" y="14234"/>
              </a:lnTo>
              <a:lnTo>
                <a:pt x="1531" y="14160"/>
              </a:lnTo>
              <a:lnTo>
                <a:pt x="1531" y="13789"/>
              </a:lnTo>
              <a:lnTo>
                <a:pt x="1837" y="13641"/>
              </a:lnTo>
              <a:lnTo>
                <a:pt x="1914" y="13196"/>
              </a:lnTo>
              <a:lnTo>
                <a:pt x="2144" y="12900"/>
              </a:lnTo>
              <a:lnTo>
                <a:pt x="2220" y="12529"/>
              </a:lnTo>
              <a:lnTo>
                <a:pt x="2144" y="12307"/>
              </a:lnTo>
              <a:lnTo>
                <a:pt x="2373" y="12084"/>
              </a:lnTo>
              <a:lnTo>
                <a:pt x="2603" y="11936"/>
              </a:lnTo>
              <a:lnTo>
                <a:pt x="2833" y="11639"/>
              </a:lnTo>
              <a:lnTo>
                <a:pt x="3139" y="11491"/>
              </a:lnTo>
              <a:lnTo>
                <a:pt x="3522" y="11194"/>
              </a:lnTo>
              <a:lnTo>
                <a:pt x="3828" y="11194"/>
              </a:lnTo>
              <a:lnTo>
                <a:pt x="3981" y="11046"/>
              </a:lnTo>
              <a:lnTo>
                <a:pt x="4364" y="10972"/>
              </a:lnTo>
              <a:lnTo>
                <a:pt x="4747" y="11046"/>
              </a:lnTo>
              <a:lnTo>
                <a:pt x="5053" y="10824"/>
              </a:lnTo>
              <a:lnTo>
                <a:pt x="5053" y="10601"/>
              </a:lnTo>
              <a:lnTo>
                <a:pt x="5053" y="10379"/>
              </a:lnTo>
              <a:lnTo>
                <a:pt x="5130" y="10157"/>
              </a:lnTo>
              <a:lnTo>
                <a:pt x="5436" y="10008"/>
              </a:lnTo>
              <a:lnTo>
                <a:pt x="5512" y="9638"/>
              </a:lnTo>
              <a:lnTo>
                <a:pt x="5436" y="9489"/>
              </a:lnTo>
              <a:lnTo>
                <a:pt x="4747" y="9712"/>
              </a:lnTo>
              <a:lnTo>
                <a:pt x="4441" y="9638"/>
              </a:lnTo>
              <a:lnTo>
                <a:pt x="4134" y="9564"/>
              </a:lnTo>
              <a:lnTo>
                <a:pt x="3828" y="9564"/>
              </a:lnTo>
              <a:lnTo>
                <a:pt x="3675" y="9564"/>
              </a:lnTo>
              <a:lnTo>
                <a:pt x="3445" y="9341"/>
              </a:lnTo>
              <a:lnTo>
                <a:pt x="3292" y="9193"/>
              </a:lnTo>
              <a:lnTo>
                <a:pt x="3062" y="9119"/>
              </a:lnTo>
              <a:lnTo>
                <a:pt x="2833" y="9267"/>
              </a:lnTo>
              <a:lnTo>
                <a:pt x="2756" y="9564"/>
              </a:lnTo>
              <a:lnTo>
                <a:pt x="2756" y="9712"/>
              </a:lnTo>
              <a:lnTo>
                <a:pt x="2220" y="9934"/>
              </a:lnTo>
              <a:lnTo>
                <a:pt x="1991" y="10008"/>
              </a:lnTo>
              <a:lnTo>
                <a:pt x="1608" y="9786"/>
              </a:lnTo>
              <a:lnTo>
                <a:pt x="1378" y="9489"/>
              </a:lnTo>
              <a:lnTo>
                <a:pt x="1148" y="9267"/>
              </a:lnTo>
              <a:lnTo>
                <a:pt x="995" y="9193"/>
              </a:lnTo>
              <a:lnTo>
                <a:pt x="766" y="9415"/>
              </a:lnTo>
              <a:lnTo>
                <a:pt x="612" y="9415"/>
              </a:lnTo>
              <a:lnTo>
                <a:pt x="306" y="8896"/>
              </a:lnTo>
              <a:lnTo>
                <a:pt x="77" y="8896"/>
              </a:lnTo>
              <a:lnTo>
                <a:pt x="0" y="8748"/>
              </a:lnTo>
              <a:lnTo>
                <a:pt x="0" y="8526"/>
              </a:lnTo>
              <a:lnTo>
                <a:pt x="306" y="8229"/>
              </a:lnTo>
              <a:lnTo>
                <a:pt x="612" y="8155"/>
              </a:lnTo>
              <a:lnTo>
                <a:pt x="689" y="7858"/>
              </a:lnTo>
              <a:lnTo>
                <a:pt x="459" y="7784"/>
              </a:lnTo>
              <a:lnTo>
                <a:pt x="383" y="7636"/>
              </a:lnTo>
              <a:lnTo>
                <a:pt x="383" y="7265"/>
              </a:lnTo>
              <a:lnTo>
                <a:pt x="306" y="6895"/>
              </a:lnTo>
              <a:lnTo>
                <a:pt x="77" y="6598"/>
              </a:lnTo>
              <a:lnTo>
                <a:pt x="0" y="6376"/>
              </a:lnTo>
              <a:lnTo>
                <a:pt x="0" y="6153"/>
              </a:lnTo>
              <a:lnTo>
                <a:pt x="536" y="6005"/>
              </a:lnTo>
              <a:lnTo>
                <a:pt x="1148" y="6079"/>
              </a:lnTo>
              <a:lnTo>
                <a:pt x="1455" y="6005"/>
              </a:lnTo>
              <a:lnTo>
                <a:pt x="1991" y="5783"/>
              </a:lnTo>
              <a:lnTo>
                <a:pt x="2603" y="5708"/>
              </a:lnTo>
              <a:lnTo>
                <a:pt x="2756" y="5486"/>
              </a:lnTo>
              <a:lnTo>
                <a:pt x="4287" y="5412"/>
              </a:lnTo>
              <a:lnTo>
                <a:pt x="4823" y="5338"/>
              </a:lnTo>
              <a:lnTo>
                <a:pt x="5053" y="5338"/>
              </a:lnTo>
              <a:lnTo>
                <a:pt x="5512" y="5190"/>
              </a:lnTo>
              <a:lnTo>
                <a:pt x="5436" y="4819"/>
              </a:lnTo>
              <a:lnTo>
                <a:pt x="5436" y="4596"/>
              </a:lnTo>
              <a:lnTo>
                <a:pt x="5665" y="4522"/>
              </a:lnTo>
              <a:lnTo>
                <a:pt x="6048" y="4596"/>
              </a:lnTo>
              <a:lnTo>
                <a:pt x="6355" y="4522"/>
              </a:lnTo>
              <a:lnTo>
                <a:pt x="6508" y="4226"/>
              </a:lnTo>
              <a:lnTo>
                <a:pt x="6584" y="4003"/>
              </a:lnTo>
              <a:lnTo>
                <a:pt x="6508" y="3781"/>
              </a:lnTo>
              <a:lnTo>
                <a:pt x="6737" y="3707"/>
              </a:lnTo>
              <a:lnTo>
                <a:pt x="6584" y="3040"/>
              </a:lnTo>
              <a:lnTo>
                <a:pt x="6584" y="2965"/>
              </a:lnTo>
              <a:lnTo>
                <a:pt x="6508" y="2595"/>
              </a:lnTo>
              <a:lnTo>
                <a:pt x="6431" y="2372"/>
              </a:lnTo>
              <a:lnTo>
                <a:pt x="6508" y="2150"/>
              </a:lnTo>
              <a:lnTo>
                <a:pt x="6737" y="1928"/>
              </a:lnTo>
              <a:lnTo>
                <a:pt x="6661" y="1779"/>
              </a:lnTo>
              <a:lnTo>
                <a:pt x="6508" y="1483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8</xdr:col>
      <xdr:colOff>365125</xdr:colOff>
      <xdr:row>28</xdr:row>
      <xdr:rowOff>38100</xdr:rowOff>
    </xdr:from>
    <xdr:to>
      <xdr:col>10</xdr:col>
      <xdr:colOff>12700</xdr:colOff>
      <xdr:row>34</xdr:row>
      <xdr:rowOff>66675</xdr:rowOff>
    </xdr:to>
    <xdr:sp macro="" textlink="">
      <xdr:nvSpPr>
        <xdr:cNvPr id="8" name="d14207">
          <a:extLst>
            <a:ext uri="{FF2B5EF4-FFF2-40B4-BE49-F238E27FC236}">
              <a16:creationId xmlns:a16="http://schemas.microsoft.com/office/drawing/2014/main" id="{00000000-0008-0000-0200-000008000000}"/>
            </a:ext>
          </a:extLst>
        </xdr:cNvPr>
        <xdr:cNvSpPr>
          <a:spLocks/>
        </xdr:cNvSpPr>
      </xdr:nvSpPr>
      <xdr:spPr bwMode="auto">
        <a:xfrm>
          <a:off x="4733925" y="5549900"/>
          <a:ext cx="739775" cy="94297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0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0 w 16384"/>
            <a:gd name="T101" fmla="*/ 2147483646 h 16384"/>
            <a:gd name="T102" fmla="*/ 0 w 16384"/>
            <a:gd name="T103" fmla="*/ 2147483646 h 16384"/>
            <a:gd name="T104" fmla="*/ 2147483646 w 16384"/>
            <a:gd name="T105" fmla="*/ 2147483646 h 16384"/>
            <a:gd name="T106" fmla="*/ 2147483646 w 16384"/>
            <a:gd name="T107" fmla="*/ 2147483646 h 16384"/>
            <a:gd name="T108" fmla="*/ 2147483646 w 16384"/>
            <a:gd name="T109" fmla="*/ 2147483646 h 16384"/>
            <a:gd name="T110" fmla="*/ 2147483646 w 16384"/>
            <a:gd name="T111" fmla="*/ 2147483646 h 16384"/>
            <a:gd name="T112" fmla="*/ 2147483646 w 16384"/>
            <a:gd name="T113" fmla="*/ 2147483646 h 16384"/>
            <a:gd name="T114" fmla="*/ 2147483646 w 16384"/>
            <a:gd name="T115" fmla="*/ 2147483646 h 16384"/>
            <a:gd name="T116" fmla="*/ 2147483646 w 16384"/>
            <a:gd name="T117" fmla="*/ 2147483646 h 16384"/>
            <a:gd name="T118" fmla="*/ 0 w 16384"/>
            <a:gd name="T119" fmla="*/ 2147483646 h 16384"/>
            <a:gd name="T120" fmla="*/ 2147483646 w 16384"/>
            <a:gd name="T121" fmla="*/ 2147483646 h 16384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60000 65536"/>
            <a:gd name="T181" fmla="*/ 0 60000 65536"/>
            <a:gd name="T182" fmla="*/ 0 60000 65536"/>
            <a:gd name="T183" fmla="*/ 0 w 16384"/>
            <a:gd name="T184" fmla="*/ 0 h 16384"/>
            <a:gd name="T185" fmla="*/ 16384 w 16384"/>
            <a:gd name="T186" fmla="*/ 16384 h 16384"/>
          </a:gdLst>
          <a:ahLst/>
          <a:cxnLst>
            <a:cxn ang="T122">
              <a:pos x="T0" y="T1"/>
            </a:cxn>
            <a:cxn ang="T123">
              <a:pos x="T2" y="T3"/>
            </a:cxn>
            <a:cxn ang="T124">
              <a:pos x="T4" y="T5"/>
            </a:cxn>
            <a:cxn ang="T125">
              <a:pos x="T6" y="T7"/>
            </a:cxn>
            <a:cxn ang="T126">
              <a:pos x="T8" y="T9"/>
            </a:cxn>
            <a:cxn ang="T127">
              <a:pos x="T10" y="T11"/>
            </a:cxn>
            <a:cxn ang="T128">
              <a:pos x="T12" y="T13"/>
            </a:cxn>
            <a:cxn ang="T129">
              <a:pos x="T14" y="T15"/>
            </a:cxn>
            <a:cxn ang="T130">
              <a:pos x="T16" y="T17"/>
            </a:cxn>
            <a:cxn ang="T131">
              <a:pos x="T18" y="T19"/>
            </a:cxn>
            <a:cxn ang="T132">
              <a:pos x="T20" y="T21"/>
            </a:cxn>
            <a:cxn ang="T133">
              <a:pos x="T22" y="T23"/>
            </a:cxn>
            <a:cxn ang="T134">
              <a:pos x="T24" y="T25"/>
            </a:cxn>
            <a:cxn ang="T135">
              <a:pos x="T26" y="T27"/>
            </a:cxn>
            <a:cxn ang="T136">
              <a:pos x="T28" y="T29"/>
            </a:cxn>
            <a:cxn ang="T137">
              <a:pos x="T30" y="T31"/>
            </a:cxn>
            <a:cxn ang="T138">
              <a:pos x="T32" y="T33"/>
            </a:cxn>
            <a:cxn ang="T139">
              <a:pos x="T34" y="T35"/>
            </a:cxn>
            <a:cxn ang="T140">
              <a:pos x="T36" y="T37"/>
            </a:cxn>
            <a:cxn ang="T141">
              <a:pos x="T38" y="T39"/>
            </a:cxn>
            <a:cxn ang="T142">
              <a:pos x="T40" y="T41"/>
            </a:cxn>
            <a:cxn ang="T143">
              <a:pos x="T42" y="T43"/>
            </a:cxn>
            <a:cxn ang="T144">
              <a:pos x="T44" y="T45"/>
            </a:cxn>
            <a:cxn ang="T145">
              <a:pos x="T46" y="T47"/>
            </a:cxn>
            <a:cxn ang="T146">
              <a:pos x="T48" y="T49"/>
            </a:cxn>
            <a:cxn ang="T147">
              <a:pos x="T50" y="T51"/>
            </a:cxn>
            <a:cxn ang="T148">
              <a:pos x="T52" y="T53"/>
            </a:cxn>
            <a:cxn ang="T149">
              <a:pos x="T54" y="T55"/>
            </a:cxn>
            <a:cxn ang="T150">
              <a:pos x="T56" y="T57"/>
            </a:cxn>
            <a:cxn ang="T151">
              <a:pos x="T58" y="T59"/>
            </a:cxn>
            <a:cxn ang="T152">
              <a:pos x="T60" y="T61"/>
            </a:cxn>
            <a:cxn ang="T153">
              <a:pos x="T62" y="T63"/>
            </a:cxn>
            <a:cxn ang="T154">
              <a:pos x="T64" y="T65"/>
            </a:cxn>
            <a:cxn ang="T155">
              <a:pos x="T66" y="T67"/>
            </a:cxn>
            <a:cxn ang="T156">
              <a:pos x="T68" y="T69"/>
            </a:cxn>
            <a:cxn ang="T157">
              <a:pos x="T70" y="T71"/>
            </a:cxn>
            <a:cxn ang="T158">
              <a:pos x="T72" y="T73"/>
            </a:cxn>
            <a:cxn ang="T159">
              <a:pos x="T74" y="T75"/>
            </a:cxn>
            <a:cxn ang="T160">
              <a:pos x="T76" y="T77"/>
            </a:cxn>
            <a:cxn ang="T161">
              <a:pos x="T78" y="T79"/>
            </a:cxn>
            <a:cxn ang="T162">
              <a:pos x="T80" y="T81"/>
            </a:cxn>
            <a:cxn ang="T163">
              <a:pos x="T82" y="T83"/>
            </a:cxn>
            <a:cxn ang="T164">
              <a:pos x="T84" y="T85"/>
            </a:cxn>
            <a:cxn ang="T165">
              <a:pos x="T86" y="T87"/>
            </a:cxn>
            <a:cxn ang="T166">
              <a:pos x="T88" y="T89"/>
            </a:cxn>
            <a:cxn ang="T167">
              <a:pos x="T90" y="T91"/>
            </a:cxn>
            <a:cxn ang="T168">
              <a:pos x="T92" y="T93"/>
            </a:cxn>
            <a:cxn ang="T169">
              <a:pos x="T94" y="T95"/>
            </a:cxn>
            <a:cxn ang="T170">
              <a:pos x="T96" y="T97"/>
            </a:cxn>
            <a:cxn ang="T171">
              <a:pos x="T98" y="T99"/>
            </a:cxn>
            <a:cxn ang="T172">
              <a:pos x="T100" y="T101"/>
            </a:cxn>
            <a:cxn ang="T173">
              <a:pos x="T102" y="T103"/>
            </a:cxn>
            <a:cxn ang="T174">
              <a:pos x="T104" y="T105"/>
            </a:cxn>
            <a:cxn ang="T175">
              <a:pos x="T106" y="T107"/>
            </a:cxn>
            <a:cxn ang="T176">
              <a:pos x="T108" y="T109"/>
            </a:cxn>
            <a:cxn ang="T177">
              <a:pos x="T110" y="T111"/>
            </a:cxn>
            <a:cxn ang="T178">
              <a:pos x="T112" y="T113"/>
            </a:cxn>
            <a:cxn ang="T179">
              <a:pos x="T114" y="T115"/>
            </a:cxn>
            <a:cxn ang="T180">
              <a:pos x="T116" y="T117"/>
            </a:cxn>
            <a:cxn ang="T181">
              <a:pos x="T118" y="T119"/>
            </a:cxn>
            <a:cxn ang="T182">
              <a:pos x="T120" y="T121"/>
            </a:cxn>
          </a:cxnLst>
          <a:rect l="T183" t="T184" r="T185" b="T186"/>
          <a:pathLst>
            <a:path w="16384" h="16384">
              <a:moveTo>
                <a:pt x="180" y="8273"/>
              </a:moveTo>
              <a:lnTo>
                <a:pt x="1260" y="8111"/>
              </a:lnTo>
              <a:lnTo>
                <a:pt x="3061" y="7949"/>
              </a:lnTo>
              <a:lnTo>
                <a:pt x="5401" y="7786"/>
              </a:lnTo>
              <a:lnTo>
                <a:pt x="5941" y="6813"/>
              </a:lnTo>
              <a:lnTo>
                <a:pt x="5941" y="6164"/>
              </a:lnTo>
              <a:lnTo>
                <a:pt x="5401" y="5515"/>
              </a:lnTo>
              <a:lnTo>
                <a:pt x="5401" y="4867"/>
              </a:lnTo>
              <a:lnTo>
                <a:pt x="6482" y="4218"/>
              </a:lnTo>
              <a:lnTo>
                <a:pt x="7022" y="3569"/>
              </a:lnTo>
              <a:lnTo>
                <a:pt x="7562" y="2595"/>
              </a:lnTo>
              <a:lnTo>
                <a:pt x="7742" y="1622"/>
              </a:lnTo>
              <a:lnTo>
                <a:pt x="10443" y="0"/>
              </a:lnTo>
              <a:lnTo>
                <a:pt x="11703" y="487"/>
              </a:lnTo>
              <a:lnTo>
                <a:pt x="13323" y="162"/>
              </a:lnTo>
              <a:lnTo>
                <a:pt x="13863" y="1298"/>
              </a:lnTo>
              <a:lnTo>
                <a:pt x="13323" y="2109"/>
              </a:lnTo>
              <a:lnTo>
                <a:pt x="13323" y="2758"/>
              </a:lnTo>
              <a:lnTo>
                <a:pt x="12603" y="3082"/>
              </a:lnTo>
              <a:lnTo>
                <a:pt x="13323" y="3407"/>
              </a:lnTo>
              <a:lnTo>
                <a:pt x="13863" y="2758"/>
              </a:lnTo>
              <a:lnTo>
                <a:pt x="14223" y="2920"/>
              </a:lnTo>
              <a:lnTo>
                <a:pt x="14043" y="3893"/>
              </a:lnTo>
              <a:lnTo>
                <a:pt x="15484" y="3893"/>
              </a:lnTo>
              <a:lnTo>
                <a:pt x="15304" y="4867"/>
              </a:lnTo>
              <a:lnTo>
                <a:pt x="14764" y="5029"/>
              </a:lnTo>
              <a:lnTo>
                <a:pt x="14584" y="5840"/>
              </a:lnTo>
              <a:lnTo>
                <a:pt x="14764" y="7138"/>
              </a:lnTo>
              <a:lnTo>
                <a:pt x="15484" y="7786"/>
              </a:lnTo>
              <a:lnTo>
                <a:pt x="15844" y="8760"/>
              </a:lnTo>
              <a:lnTo>
                <a:pt x="15844" y="9409"/>
              </a:lnTo>
              <a:lnTo>
                <a:pt x="16384" y="10058"/>
              </a:lnTo>
              <a:lnTo>
                <a:pt x="16204" y="11193"/>
              </a:lnTo>
              <a:lnTo>
                <a:pt x="15844" y="12329"/>
              </a:lnTo>
              <a:lnTo>
                <a:pt x="15484" y="13302"/>
              </a:lnTo>
              <a:lnTo>
                <a:pt x="15124" y="14437"/>
              </a:lnTo>
              <a:lnTo>
                <a:pt x="14944" y="15411"/>
              </a:lnTo>
              <a:lnTo>
                <a:pt x="14043" y="15411"/>
              </a:lnTo>
              <a:lnTo>
                <a:pt x="12603" y="15248"/>
              </a:lnTo>
              <a:lnTo>
                <a:pt x="11523" y="15735"/>
              </a:lnTo>
              <a:lnTo>
                <a:pt x="10263" y="15897"/>
              </a:lnTo>
              <a:lnTo>
                <a:pt x="8822" y="15735"/>
              </a:lnTo>
              <a:lnTo>
                <a:pt x="7382" y="15573"/>
              </a:lnTo>
              <a:lnTo>
                <a:pt x="6121" y="16060"/>
              </a:lnTo>
              <a:lnTo>
                <a:pt x="5221" y="16060"/>
              </a:lnTo>
              <a:lnTo>
                <a:pt x="3781" y="16060"/>
              </a:lnTo>
              <a:lnTo>
                <a:pt x="2341" y="16222"/>
              </a:lnTo>
              <a:lnTo>
                <a:pt x="1260" y="16384"/>
              </a:lnTo>
              <a:lnTo>
                <a:pt x="1260" y="15411"/>
              </a:lnTo>
              <a:lnTo>
                <a:pt x="720" y="14762"/>
              </a:lnTo>
              <a:lnTo>
                <a:pt x="0" y="14275"/>
              </a:lnTo>
              <a:lnTo>
                <a:pt x="0" y="13302"/>
              </a:lnTo>
              <a:lnTo>
                <a:pt x="360" y="12491"/>
              </a:lnTo>
              <a:lnTo>
                <a:pt x="540" y="11680"/>
              </a:lnTo>
              <a:lnTo>
                <a:pt x="1260" y="11193"/>
              </a:lnTo>
              <a:lnTo>
                <a:pt x="1260" y="10544"/>
              </a:lnTo>
              <a:lnTo>
                <a:pt x="720" y="10220"/>
              </a:lnTo>
              <a:lnTo>
                <a:pt x="540" y="10382"/>
              </a:lnTo>
              <a:lnTo>
                <a:pt x="180" y="10220"/>
              </a:lnTo>
              <a:lnTo>
                <a:pt x="0" y="9571"/>
              </a:lnTo>
              <a:lnTo>
                <a:pt x="180" y="8273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2</xdr:col>
      <xdr:colOff>13335</xdr:colOff>
      <xdr:row>34</xdr:row>
      <xdr:rowOff>5080</xdr:rowOff>
    </xdr:from>
    <xdr:to>
      <xdr:col>13</xdr:col>
      <xdr:colOff>241300</xdr:colOff>
      <xdr:row>38</xdr:row>
      <xdr:rowOff>3175</xdr:rowOff>
    </xdr:to>
    <xdr:sp macro="" textlink="">
      <xdr:nvSpPr>
        <xdr:cNvPr id="9" name="d14208">
          <a:extLst>
            <a:ext uri="{FF2B5EF4-FFF2-40B4-BE49-F238E27FC236}">
              <a16:creationId xmlns:a16="http://schemas.microsoft.com/office/drawing/2014/main" id="{00000000-0008-0000-0200-000009000000}"/>
            </a:ext>
          </a:extLst>
        </xdr:cNvPr>
        <xdr:cNvSpPr>
          <a:spLocks/>
        </xdr:cNvSpPr>
      </xdr:nvSpPr>
      <xdr:spPr bwMode="auto">
        <a:xfrm>
          <a:off x="7328535" y="6434455"/>
          <a:ext cx="837565" cy="60769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0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0 h 16384"/>
            <a:gd name="T66" fmla="*/ 0 60000 65536"/>
            <a:gd name="T67" fmla="*/ 0 60000 65536"/>
            <a:gd name="T68" fmla="*/ 0 60000 65536"/>
            <a:gd name="T69" fmla="*/ 0 60000 65536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w 16384"/>
            <a:gd name="T100" fmla="*/ 0 h 16384"/>
            <a:gd name="T101" fmla="*/ 16384 w 16384"/>
            <a:gd name="T102" fmla="*/ 16384 h 16384"/>
          </a:gdLst>
          <a:ahLst/>
          <a:cxnLst>
            <a:cxn ang="T66">
              <a:pos x="T0" y="T1"/>
            </a:cxn>
            <a:cxn ang="T67">
              <a:pos x="T2" y="T3"/>
            </a:cxn>
            <a:cxn ang="T68">
              <a:pos x="T4" y="T5"/>
            </a:cxn>
            <a:cxn ang="T69">
              <a:pos x="T6" y="T7"/>
            </a:cxn>
            <a:cxn ang="T70">
              <a:pos x="T8" y="T9"/>
            </a:cxn>
            <a:cxn ang="T71">
              <a:pos x="T10" y="T11"/>
            </a:cxn>
            <a:cxn ang="T72">
              <a:pos x="T12" y="T13"/>
            </a:cxn>
            <a:cxn ang="T73">
              <a:pos x="T14" y="T15"/>
            </a:cxn>
            <a:cxn ang="T74">
              <a:pos x="T16" y="T17"/>
            </a:cxn>
            <a:cxn ang="T75">
              <a:pos x="T18" y="T19"/>
            </a:cxn>
            <a:cxn ang="T76">
              <a:pos x="T20" y="T21"/>
            </a:cxn>
            <a:cxn ang="T77">
              <a:pos x="T22" y="T23"/>
            </a:cxn>
            <a:cxn ang="T78">
              <a:pos x="T24" y="T25"/>
            </a:cxn>
            <a:cxn ang="T79">
              <a:pos x="T26" y="T27"/>
            </a:cxn>
            <a:cxn ang="T80">
              <a:pos x="T28" y="T29"/>
            </a:cxn>
            <a:cxn ang="T81">
              <a:pos x="T30" y="T31"/>
            </a:cxn>
            <a:cxn ang="T82">
              <a:pos x="T32" y="T33"/>
            </a:cxn>
            <a:cxn ang="T83">
              <a:pos x="T34" y="T35"/>
            </a:cxn>
            <a:cxn ang="T84">
              <a:pos x="T36" y="T37"/>
            </a:cxn>
            <a:cxn ang="T85">
              <a:pos x="T38" y="T39"/>
            </a:cxn>
            <a:cxn ang="T86">
              <a:pos x="T40" y="T41"/>
            </a:cxn>
            <a:cxn ang="T87">
              <a:pos x="T42" y="T43"/>
            </a:cxn>
            <a:cxn ang="T88">
              <a:pos x="T44" y="T45"/>
            </a:cxn>
            <a:cxn ang="T89">
              <a:pos x="T46" y="T47"/>
            </a:cxn>
            <a:cxn ang="T90">
              <a:pos x="T48" y="T49"/>
            </a:cxn>
            <a:cxn ang="T91">
              <a:pos x="T50" y="T51"/>
            </a:cxn>
            <a:cxn ang="T92">
              <a:pos x="T52" y="T53"/>
            </a:cxn>
            <a:cxn ang="T93">
              <a:pos x="T54" y="T55"/>
            </a:cxn>
            <a:cxn ang="T94">
              <a:pos x="T56" y="T57"/>
            </a:cxn>
            <a:cxn ang="T95">
              <a:pos x="T58" y="T59"/>
            </a:cxn>
            <a:cxn ang="T96">
              <a:pos x="T60" y="T61"/>
            </a:cxn>
            <a:cxn ang="T97">
              <a:pos x="T62" y="T63"/>
            </a:cxn>
            <a:cxn ang="T98">
              <a:pos x="T64" y="T65"/>
            </a:cxn>
          </a:cxnLst>
          <a:rect l="T99" t="T100" r="T101" b="T102"/>
          <a:pathLst>
            <a:path w="16384" h="16384">
              <a:moveTo>
                <a:pt x="9389" y="252"/>
              </a:moveTo>
              <a:lnTo>
                <a:pt x="9757" y="1008"/>
              </a:lnTo>
              <a:lnTo>
                <a:pt x="10861" y="2016"/>
              </a:lnTo>
              <a:lnTo>
                <a:pt x="11782" y="2016"/>
              </a:lnTo>
              <a:lnTo>
                <a:pt x="12150" y="2521"/>
              </a:lnTo>
              <a:lnTo>
                <a:pt x="12886" y="3025"/>
              </a:lnTo>
              <a:lnTo>
                <a:pt x="13439" y="3781"/>
              </a:lnTo>
              <a:lnTo>
                <a:pt x="13807" y="4537"/>
              </a:lnTo>
              <a:lnTo>
                <a:pt x="13807" y="6049"/>
              </a:lnTo>
              <a:lnTo>
                <a:pt x="14911" y="6806"/>
              </a:lnTo>
              <a:lnTo>
                <a:pt x="14911" y="8318"/>
              </a:lnTo>
              <a:lnTo>
                <a:pt x="15648" y="9578"/>
              </a:lnTo>
              <a:lnTo>
                <a:pt x="16016" y="11343"/>
              </a:lnTo>
              <a:lnTo>
                <a:pt x="16200" y="12351"/>
              </a:lnTo>
              <a:lnTo>
                <a:pt x="15464" y="13611"/>
              </a:lnTo>
              <a:lnTo>
                <a:pt x="15648" y="14368"/>
              </a:lnTo>
              <a:lnTo>
                <a:pt x="16200" y="15376"/>
              </a:lnTo>
              <a:lnTo>
                <a:pt x="16384" y="15628"/>
              </a:lnTo>
              <a:lnTo>
                <a:pt x="15832" y="16384"/>
              </a:lnTo>
              <a:lnTo>
                <a:pt x="14911" y="16384"/>
              </a:lnTo>
              <a:lnTo>
                <a:pt x="14175" y="15880"/>
              </a:lnTo>
              <a:lnTo>
                <a:pt x="13623" y="15628"/>
              </a:lnTo>
              <a:lnTo>
                <a:pt x="12702" y="15880"/>
              </a:lnTo>
              <a:lnTo>
                <a:pt x="11782" y="16132"/>
              </a:lnTo>
              <a:lnTo>
                <a:pt x="11229" y="15880"/>
              </a:lnTo>
              <a:lnTo>
                <a:pt x="10493" y="15880"/>
              </a:lnTo>
              <a:lnTo>
                <a:pt x="9941" y="14872"/>
              </a:lnTo>
              <a:lnTo>
                <a:pt x="10125" y="14368"/>
              </a:lnTo>
              <a:lnTo>
                <a:pt x="10677" y="14368"/>
              </a:lnTo>
              <a:lnTo>
                <a:pt x="11598" y="13863"/>
              </a:lnTo>
              <a:lnTo>
                <a:pt x="12150" y="13863"/>
              </a:lnTo>
              <a:lnTo>
                <a:pt x="13070" y="12855"/>
              </a:lnTo>
              <a:lnTo>
                <a:pt x="13439" y="11847"/>
              </a:lnTo>
              <a:lnTo>
                <a:pt x="12886" y="11091"/>
              </a:lnTo>
              <a:lnTo>
                <a:pt x="11966" y="11343"/>
              </a:lnTo>
              <a:lnTo>
                <a:pt x="11782" y="10839"/>
              </a:lnTo>
              <a:lnTo>
                <a:pt x="10309" y="10839"/>
              </a:lnTo>
              <a:lnTo>
                <a:pt x="9941" y="10587"/>
              </a:lnTo>
              <a:lnTo>
                <a:pt x="9020" y="10839"/>
              </a:lnTo>
              <a:lnTo>
                <a:pt x="8468" y="10587"/>
              </a:lnTo>
              <a:lnTo>
                <a:pt x="7916" y="11847"/>
              </a:lnTo>
              <a:lnTo>
                <a:pt x="7180" y="12351"/>
              </a:lnTo>
              <a:lnTo>
                <a:pt x="6443" y="12351"/>
              </a:lnTo>
              <a:lnTo>
                <a:pt x="5891" y="13359"/>
              </a:lnTo>
              <a:lnTo>
                <a:pt x="5155" y="13863"/>
              </a:lnTo>
              <a:lnTo>
                <a:pt x="4418" y="12603"/>
              </a:lnTo>
              <a:lnTo>
                <a:pt x="4786" y="12099"/>
              </a:lnTo>
              <a:lnTo>
                <a:pt x="4418" y="10839"/>
              </a:lnTo>
              <a:lnTo>
                <a:pt x="3682" y="9830"/>
              </a:lnTo>
              <a:lnTo>
                <a:pt x="2761" y="10335"/>
              </a:lnTo>
              <a:lnTo>
                <a:pt x="1841" y="10082"/>
              </a:lnTo>
              <a:lnTo>
                <a:pt x="1289" y="10335"/>
              </a:lnTo>
              <a:lnTo>
                <a:pt x="1105" y="8822"/>
              </a:lnTo>
              <a:lnTo>
                <a:pt x="368" y="9074"/>
              </a:lnTo>
              <a:lnTo>
                <a:pt x="0" y="8570"/>
              </a:lnTo>
              <a:lnTo>
                <a:pt x="184" y="7814"/>
              </a:lnTo>
              <a:lnTo>
                <a:pt x="368" y="7310"/>
              </a:lnTo>
              <a:lnTo>
                <a:pt x="0" y="6554"/>
              </a:lnTo>
              <a:lnTo>
                <a:pt x="1105" y="5797"/>
              </a:lnTo>
              <a:lnTo>
                <a:pt x="2577" y="4537"/>
              </a:lnTo>
              <a:lnTo>
                <a:pt x="3314" y="4537"/>
              </a:lnTo>
              <a:lnTo>
                <a:pt x="4602" y="2773"/>
              </a:lnTo>
              <a:lnTo>
                <a:pt x="5339" y="2773"/>
              </a:lnTo>
              <a:lnTo>
                <a:pt x="7180" y="1512"/>
              </a:lnTo>
              <a:lnTo>
                <a:pt x="7548" y="1260"/>
              </a:lnTo>
              <a:lnTo>
                <a:pt x="8468" y="0"/>
              </a:lnTo>
              <a:lnTo>
                <a:pt x="9389" y="252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3</xdr:col>
      <xdr:colOff>25400</xdr:colOff>
      <xdr:row>43</xdr:row>
      <xdr:rowOff>117475</xdr:rowOff>
    </xdr:from>
    <xdr:to>
      <xdr:col>14</xdr:col>
      <xdr:colOff>244475</xdr:colOff>
      <xdr:row>50</xdr:row>
      <xdr:rowOff>50800</xdr:rowOff>
    </xdr:to>
    <xdr:sp macro="" textlink="">
      <xdr:nvSpPr>
        <xdr:cNvPr id="10" name="d14210">
          <a:extLst>
            <a:ext uri="{FF2B5EF4-FFF2-40B4-BE49-F238E27FC236}">
              <a16:creationId xmlns:a16="http://schemas.microsoft.com/office/drawing/2014/main" id="{00000000-0008-0000-0200-00000A000000}"/>
            </a:ext>
          </a:extLst>
        </xdr:cNvPr>
        <xdr:cNvSpPr>
          <a:spLocks/>
        </xdr:cNvSpPr>
      </xdr:nvSpPr>
      <xdr:spPr bwMode="auto">
        <a:xfrm>
          <a:off x="7950200" y="7918450"/>
          <a:ext cx="828675" cy="100012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0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0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w 16384"/>
            <a:gd name="T133" fmla="*/ 0 h 16384"/>
            <a:gd name="T134" fmla="*/ 16384 w 16384"/>
            <a:gd name="T135" fmla="*/ 16384 h 16384"/>
          </a:gdLst>
          <a:ahLst/>
          <a:cxnLst>
            <a:cxn ang="T88">
              <a:pos x="T0" y="T1"/>
            </a:cxn>
            <a:cxn ang="T89">
              <a:pos x="T2" y="T3"/>
            </a:cxn>
            <a:cxn ang="T90">
              <a:pos x="T4" y="T5"/>
            </a:cxn>
            <a:cxn ang="T91">
              <a:pos x="T6" y="T7"/>
            </a:cxn>
            <a:cxn ang="T92">
              <a:pos x="T8" y="T9"/>
            </a:cxn>
            <a:cxn ang="T93">
              <a:pos x="T10" y="T11"/>
            </a:cxn>
            <a:cxn ang="T94">
              <a:pos x="T12" y="T13"/>
            </a:cxn>
            <a:cxn ang="T95">
              <a:pos x="T14" y="T15"/>
            </a:cxn>
            <a:cxn ang="T96">
              <a:pos x="T16" y="T17"/>
            </a:cxn>
            <a:cxn ang="T97">
              <a:pos x="T18" y="T19"/>
            </a:cxn>
            <a:cxn ang="T98">
              <a:pos x="T20" y="T21"/>
            </a:cxn>
            <a:cxn ang="T99">
              <a:pos x="T22" y="T23"/>
            </a:cxn>
            <a:cxn ang="T100">
              <a:pos x="T24" y="T25"/>
            </a:cxn>
            <a:cxn ang="T101">
              <a:pos x="T26" y="T27"/>
            </a:cxn>
            <a:cxn ang="T102">
              <a:pos x="T28" y="T29"/>
            </a:cxn>
            <a:cxn ang="T103">
              <a:pos x="T30" y="T31"/>
            </a:cxn>
            <a:cxn ang="T104">
              <a:pos x="T32" y="T33"/>
            </a:cxn>
            <a:cxn ang="T105">
              <a:pos x="T34" y="T35"/>
            </a:cxn>
            <a:cxn ang="T106">
              <a:pos x="T36" y="T37"/>
            </a:cxn>
            <a:cxn ang="T107">
              <a:pos x="T38" y="T39"/>
            </a:cxn>
            <a:cxn ang="T108">
              <a:pos x="T40" y="T41"/>
            </a:cxn>
            <a:cxn ang="T109">
              <a:pos x="T42" y="T43"/>
            </a:cxn>
            <a:cxn ang="T110">
              <a:pos x="T44" y="T45"/>
            </a:cxn>
            <a:cxn ang="T111">
              <a:pos x="T46" y="T47"/>
            </a:cxn>
            <a:cxn ang="T112">
              <a:pos x="T48" y="T49"/>
            </a:cxn>
            <a:cxn ang="T113">
              <a:pos x="T50" y="T51"/>
            </a:cxn>
            <a:cxn ang="T114">
              <a:pos x="T52" y="T53"/>
            </a:cxn>
            <a:cxn ang="T115">
              <a:pos x="T54" y="T55"/>
            </a:cxn>
            <a:cxn ang="T116">
              <a:pos x="T56" y="T57"/>
            </a:cxn>
            <a:cxn ang="T117">
              <a:pos x="T58" y="T59"/>
            </a:cxn>
            <a:cxn ang="T118">
              <a:pos x="T60" y="T61"/>
            </a:cxn>
            <a:cxn ang="T119">
              <a:pos x="T62" y="T63"/>
            </a:cxn>
            <a:cxn ang="T120">
              <a:pos x="T64" y="T65"/>
            </a:cxn>
            <a:cxn ang="T121">
              <a:pos x="T66" y="T67"/>
            </a:cxn>
            <a:cxn ang="T122">
              <a:pos x="T68" y="T69"/>
            </a:cxn>
            <a:cxn ang="T123">
              <a:pos x="T70" y="T71"/>
            </a:cxn>
            <a:cxn ang="T124">
              <a:pos x="T72" y="T73"/>
            </a:cxn>
            <a:cxn ang="T125">
              <a:pos x="T74" y="T75"/>
            </a:cxn>
            <a:cxn ang="T126">
              <a:pos x="T76" y="T77"/>
            </a:cxn>
            <a:cxn ang="T127">
              <a:pos x="T78" y="T79"/>
            </a:cxn>
            <a:cxn ang="T128">
              <a:pos x="T80" y="T81"/>
            </a:cxn>
            <a:cxn ang="T129">
              <a:pos x="T82" y="T83"/>
            </a:cxn>
            <a:cxn ang="T130">
              <a:pos x="T84" y="T85"/>
            </a:cxn>
            <a:cxn ang="T131">
              <a:pos x="T86" y="T87"/>
            </a:cxn>
          </a:cxnLst>
          <a:rect l="T132" t="T133" r="T134" b="T135"/>
          <a:pathLst>
            <a:path w="16384" h="16384">
              <a:moveTo>
                <a:pt x="1695" y="4525"/>
              </a:moveTo>
              <a:lnTo>
                <a:pt x="3390" y="2497"/>
              </a:lnTo>
              <a:lnTo>
                <a:pt x="4896" y="2341"/>
              </a:lnTo>
              <a:lnTo>
                <a:pt x="6026" y="780"/>
              </a:lnTo>
              <a:lnTo>
                <a:pt x="6403" y="780"/>
              </a:lnTo>
              <a:lnTo>
                <a:pt x="6968" y="1092"/>
              </a:lnTo>
              <a:lnTo>
                <a:pt x="7721" y="624"/>
              </a:lnTo>
              <a:lnTo>
                <a:pt x="9039" y="780"/>
              </a:lnTo>
              <a:lnTo>
                <a:pt x="9793" y="624"/>
              </a:lnTo>
              <a:lnTo>
                <a:pt x="10546" y="0"/>
              </a:lnTo>
              <a:lnTo>
                <a:pt x="10923" y="156"/>
              </a:lnTo>
              <a:lnTo>
                <a:pt x="10923" y="1248"/>
              </a:lnTo>
              <a:lnTo>
                <a:pt x="11864" y="1872"/>
              </a:lnTo>
              <a:lnTo>
                <a:pt x="12053" y="2965"/>
              </a:lnTo>
              <a:lnTo>
                <a:pt x="12994" y="3589"/>
              </a:lnTo>
              <a:lnTo>
                <a:pt x="12241" y="4213"/>
              </a:lnTo>
              <a:lnTo>
                <a:pt x="11488" y="4837"/>
              </a:lnTo>
              <a:lnTo>
                <a:pt x="11111" y="5617"/>
              </a:lnTo>
              <a:lnTo>
                <a:pt x="10734" y="6866"/>
              </a:lnTo>
              <a:lnTo>
                <a:pt x="10734" y="7958"/>
              </a:lnTo>
              <a:lnTo>
                <a:pt x="11676" y="8582"/>
              </a:lnTo>
              <a:lnTo>
                <a:pt x="11864" y="8894"/>
              </a:lnTo>
              <a:lnTo>
                <a:pt x="12053" y="10299"/>
              </a:lnTo>
              <a:lnTo>
                <a:pt x="12241" y="11079"/>
              </a:lnTo>
              <a:lnTo>
                <a:pt x="13183" y="11547"/>
              </a:lnTo>
              <a:lnTo>
                <a:pt x="14501" y="11703"/>
              </a:lnTo>
              <a:lnTo>
                <a:pt x="15254" y="11859"/>
              </a:lnTo>
              <a:lnTo>
                <a:pt x="16007" y="12015"/>
              </a:lnTo>
              <a:lnTo>
                <a:pt x="16196" y="12639"/>
              </a:lnTo>
              <a:lnTo>
                <a:pt x="16384" y="13575"/>
              </a:lnTo>
              <a:lnTo>
                <a:pt x="16196" y="14512"/>
              </a:lnTo>
              <a:lnTo>
                <a:pt x="15442" y="14824"/>
              </a:lnTo>
              <a:lnTo>
                <a:pt x="15819" y="15448"/>
              </a:lnTo>
              <a:lnTo>
                <a:pt x="15631" y="16072"/>
              </a:lnTo>
              <a:lnTo>
                <a:pt x="14877" y="15448"/>
              </a:lnTo>
              <a:lnTo>
                <a:pt x="14501" y="15916"/>
              </a:lnTo>
              <a:lnTo>
                <a:pt x="13936" y="15916"/>
              </a:lnTo>
              <a:lnTo>
                <a:pt x="13936" y="15292"/>
              </a:lnTo>
              <a:lnTo>
                <a:pt x="13371" y="14512"/>
              </a:lnTo>
              <a:lnTo>
                <a:pt x="12241" y="14980"/>
              </a:lnTo>
              <a:lnTo>
                <a:pt x="13183" y="15136"/>
              </a:lnTo>
              <a:lnTo>
                <a:pt x="12994" y="15604"/>
              </a:lnTo>
              <a:lnTo>
                <a:pt x="12241" y="15760"/>
              </a:lnTo>
              <a:lnTo>
                <a:pt x="11676" y="15916"/>
              </a:lnTo>
              <a:lnTo>
                <a:pt x="10923" y="16228"/>
              </a:lnTo>
              <a:lnTo>
                <a:pt x="9604" y="15292"/>
              </a:lnTo>
              <a:lnTo>
                <a:pt x="9416" y="15916"/>
              </a:lnTo>
              <a:lnTo>
                <a:pt x="7345" y="16072"/>
              </a:lnTo>
              <a:lnTo>
                <a:pt x="7345" y="15760"/>
              </a:lnTo>
              <a:lnTo>
                <a:pt x="6591" y="15760"/>
              </a:lnTo>
              <a:lnTo>
                <a:pt x="5461" y="15916"/>
              </a:lnTo>
              <a:lnTo>
                <a:pt x="5085" y="16384"/>
              </a:lnTo>
              <a:lnTo>
                <a:pt x="3013" y="16072"/>
              </a:lnTo>
              <a:lnTo>
                <a:pt x="1883" y="16072"/>
              </a:lnTo>
              <a:lnTo>
                <a:pt x="1507" y="15760"/>
              </a:lnTo>
              <a:lnTo>
                <a:pt x="565" y="15136"/>
              </a:lnTo>
              <a:lnTo>
                <a:pt x="1318" y="14512"/>
              </a:lnTo>
              <a:lnTo>
                <a:pt x="1507" y="13731"/>
              </a:lnTo>
              <a:lnTo>
                <a:pt x="377" y="12951"/>
              </a:lnTo>
              <a:lnTo>
                <a:pt x="0" y="12483"/>
              </a:lnTo>
              <a:lnTo>
                <a:pt x="753" y="12171"/>
              </a:lnTo>
              <a:lnTo>
                <a:pt x="2072" y="12483"/>
              </a:lnTo>
              <a:lnTo>
                <a:pt x="2260" y="12327"/>
              </a:lnTo>
              <a:lnTo>
                <a:pt x="1695" y="11859"/>
              </a:lnTo>
              <a:lnTo>
                <a:pt x="2637" y="11391"/>
              </a:lnTo>
              <a:lnTo>
                <a:pt x="1883" y="11235"/>
              </a:lnTo>
              <a:lnTo>
                <a:pt x="1318" y="11547"/>
              </a:lnTo>
              <a:lnTo>
                <a:pt x="753" y="11235"/>
              </a:lnTo>
              <a:lnTo>
                <a:pt x="753" y="10455"/>
              </a:lnTo>
              <a:lnTo>
                <a:pt x="1883" y="10923"/>
              </a:lnTo>
              <a:lnTo>
                <a:pt x="2637" y="10767"/>
              </a:lnTo>
              <a:lnTo>
                <a:pt x="3390" y="10611"/>
              </a:lnTo>
              <a:lnTo>
                <a:pt x="4520" y="10767"/>
              </a:lnTo>
              <a:lnTo>
                <a:pt x="4708" y="10299"/>
              </a:lnTo>
              <a:lnTo>
                <a:pt x="3955" y="10299"/>
              </a:lnTo>
              <a:lnTo>
                <a:pt x="3013" y="9986"/>
              </a:lnTo>
              <a:lnTo>
                <a:pt x="2260" y="9674"/>
              </a:lnTo>
              <a:lnTo>
                <a:pt x="2072" y="9362"/>
              </a:lnTo>
              <a:lnTo>
                <a:pt x="2260" y="8738"/>
              </a:lnTo>
              <a:lnTo>
                <a:pt x="2448" y="8114"/>
              </a:lnTo>
              <a:lnTo>
                <a:pt x="2448" y="7490"/>
              </a:lnTo>
              <a:lnTo>
                <a:pt x="2072" y="6710"/>
              </a:lnTo>
              <a:lnTo>
                <a:pt x="1507" y="6085"/>
              </a:lnTo>
              <a:lnTo>
                <a:pt x="2072" y="5929"/>
              </a:lnTo>
              <a:lnTo>
                <a:pt x="2637" y="5617"/>
              </a:lnTo>
              <a:lnTo>
                <a:pt x="2260" y="5305"/>
              </a:lnTo>
              <a:lnTo>
                <a:pt x="1883" y="4993"/>
              </a:lnTo>
              <a:lnTo>
                <a:pt x="1695" y="4525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4</xdr:col>
      <xdr:colOff>200025</xdr:colOff>
      <xdr:row>21</xdr:row>
      <xdr:rowOff>38100</xdr:rowOff>
    </xdr:from>
    <xdr:to>
      <xdr:col>7</xdr:col>
      <xdr:colOff>85725</xdr:colOff>
      <xdr:row>31</xdr:row>
      <xdr:rowOff>104775</xdr:rowOff>
    </xdr:to>
    <xdr:sp macro="" textlink="">
      <xdr:nvSpPr>
        <xdr:cNvPr id="11" name="d14211" descr="紙ふぶき (小)">
          <a:extLst>
            <a:ext uri="{FF2B5EF4-FFF2-40B4-BE49-F238E27FC236}">
              <a16:creationId xmlns:a16="http://schemas.microsoft.com/office/drawing/2014/main" id="{00000000-0008-0000-0200-00000B000000}"/>
            </a:ext>
          </a:extLst>
        </xdr:cNvPr>
        <xdr:cNvSpPr>
          <a:spLocks/>
        </xdr:cNvSpPr>
      </xdr:nvSpPr>
      <xdr:spPr bwMode="auto">
        <a:xfrm>
          <a:off x="2638425" y="4486275"/>
          <a:ext cx="1714500" cy="159067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0 w 16384"/>
            <a:gd name="T59" fmla="*/ 2147483646 h 16384"/>
            <a:gd name="T60" fmla="*/ 0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2147483646 h 16384"/>
            <a:gd name="T102" fmla="*/ 2147483646 w 16384"/>
            <a:gd name="T103" fmla="*/ 2147483646 h 16384"/>
            <a:gd name="T104" fmla="*/ 2147483646 w 16384"/>
            <a:gd name="T105" fmla="*/ 2147483646 h 16384"/>
            <a:gd name="T106" fmla="*/ 2147483646 w 16384"/>
            <a:gd name="T107" fmla="*/ 2147483646 h 16384"/>
            <a:gd name="T108" fmla="*/ 2147483646 w 16384"/>
            <a:gd name="T109" fmla="*/ 2147483646 h 16384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w 16384"/>
            <a:gd name="T166" fmla="*/ 0 h 16384"/>
            <a:gd name="T167" fmla="*/ 16384 w 16384"/>
            <a:gd name="T168" fmla="*/ 16384 h 16384"/>
          </a:gdLst>
          <a:ahLst/>
          <a:cxnLst>
            <a:cxn ang="T110">
              <a:pos x="T0" y="T1"/>
            </a:cxn>
            <a:cxn ang="T111">
              <a:pos x="T2" y="T3"/>
            </a:cxn>
            <a:cxn ang="T112">
              <a:pos x="T4" y="T5"/>
            </a:cxn>
            <a:cxn ang="T113">
              <a:pos x="T6" y="T7"/>
            </a:cxn>
            <a:cxn ang="T114">
              <a:pos x="T8" y="T9"/>
            </a:cxn>
            <a:cxn ang="T115">
              <a:pos x="T10" y="T11"/>
            </a:cxn>
            <a:cxn ang="T116">
              <a:pos x="T12" y="T13"/>
            </a:cxn>
            <a:cxn ang="T117">
              <a:pos x="T14" y="T15"/>
            </a:cxn>
            <a:cxn ang="T118">
              <a:pos x="T16" y="T17"/>
            </a:cxn>
            <a:cxn ang="T119">
              <a:pos x="T18" y="T19"/>
            </a:cxn>
            <a:cxn ang="T120">
              <a:pos x="T20" y="T21"/>
            </a:cxn>
            <a:cxn ang="T121">
              <a:pos x="T22" y="T23"/>
            </a:cxn>
            <a:cxn ang="T122">
              <a:pos x="T24" y="T25"/>
            </a:cxn>
            <a:cxn ang="T123">
              <a:pos x="T26" y="T27"/>
            </a:cxn>
            <a:cxn ang="T124">
              <a:pos x="T28" y="T29"/>
            </a:cxn>
            <a:cxn ang="T125">
              <a:pos x="T30" y="T31"/>
            </a:cxn>
            <a:cxn ang="T126">
              <a:pos x="T32" y="T33"/>
            </a:cxn>
            <a:cxn ang="T127">
              <a:pos x="T34" y="T35"/>
            </a:cxn>
            <a:cxn ang="T128">
              <a:pos x="T36" y="T37"/>
            </a:cxn>
            <a:cxn ang="T129">
              <a:pos x="T38" y="T39"/>
            </a:cxn>
            <a:cxn ang="T130">
              <a:pos x="T40" y="T41"/>
            </a:cxn>
            <a:cxn ang="T131">
              <a:pos x="T42" y="T43"/>
            </a:cxn>
            <a:cxn ang="T132">
              <a:pos x="T44" y="T45"/>
            </a:cxn>
            <a:cxn ang="T133">
              <a:pos x="T46" y="T47"/>
            </a:cxn>
            <a:cxn ang="T134">
              <a:pos x="T48" y="T49"/>
            </a:cxn>
            <a:cxn ang="T135">
              <a:pos x="T50" y="T51"/>
            </a:cxn>
            <a:cxn ang="T136">
              <a:pos x="T52" y="T53"/>
            </a:cxn>
            <a:cxn ang="T137">
              <a:pos x="T54" y="T55"/>
            </a:cxn>
            <a:cxn ang="T138">
              <a:pos x="T56" y="T57"/>
            </a:cxn>
            <a:cxn ang="T139">
              <a:pos x="T58" y="T59"/>
            </a:cxn>
            <a:cxn ang="T140">
              <a:pos x="T60" y="T61"/>
            </a:cxn>
            <a:cxn ang="T141">
              <a:pos x="T62" y="T63"/>
            </a:cxn>
            <a:cxn ang="T142">
              <a:pos x="T64" y="T65"/>
            </a:cxn>
            <a:cxn ang="T143">
              <a:pos x="T66" y="T67"/>
            </a:cxn>
            <a:cxn ang="T144">
              <a:pos x="T68" y="T69"/>
            </a:cxn>
            <a:cxn ang="T145">
              <a:pos x="T70" y="T71"/>
            </a:cxn>
            <a:cxn ang="T146">
              <a:pos x="T72" y="T73"/>
            </a:cxn>
            <a:cxn ang="T147">
              <a:pos x="T74" y="T75"/>
            </a:cxn>
            <a:cxn ang="T148">
              <a:pos x="T76" y="T77"/>
            </a:cxn>
            <a:cxn ang="T149">
              <a:pos x="T78" y="T79"/>
            </a:cxn>
            <a:cxn ang="T150">
              <a:pos x="T80" y="T81"/>
            </a:cxn>
            <a:cxn ang="T151">
              <a:pos x="T82" y="T83"/>
            </a:cxn>
            <a:cxn ang="T152">
              <a:pos x="T84" y="T85"/>
            </a:cxn>
            <a:cxn ang="T153">
              <a:pos x="T86" y="T87"/>
            </a:cxn>
            <a:cxn ang="T154">
              <a:pos x="T88" y="T89"/>
            </a:cxn>
            <a:cxn ang="T155">
              <a:pos x="T90" y="T91"/>
            </a:cxn>
            <a:cxn ang="T156">
              <a:pos x="T92" y="T93"/>
            </a:cxn>
            <a:cxn ang="T157">
              <a:pos x="T94" y="T95"/>
            </a:cxn>
            <a:cxn ang="T158">
              <a:pos x="T96" y="T97"/>
            </a:cxn>
            <a:cxn ang="T159">
              <a:pos x="T98" y="T99"/>
            </a:cxn>
            <a:cxn ang="T160">
              <a:pos x="T100" y="T101"/>
            </a:cxn>
            <a:cxn ang="T161">
              <a:pos x="T102" y="T103"/>
            </a:cxn>
            <a:cxn ang="T162">
              <a:pos x="T104" y="T105"/>
            </a:cxn>
            <a:cxn ang="T163">
              <a:pos x="T106" y="T107"/>
            </a:cxn>
            <a:cxn ang="T164">
              <a:pos x="T108" y="T109"/>
            </a:cxn>
          </a:cxnLst>
          <a:rect l="T165" t="T166" r="T167" b="T168"/>
          <a:pathLst>
            <a:path w="16384" h="16384">
              <a:moveTo>
                <a:pt x="16293" y="11479"/>
              </a:moveTo>
              <a:lnTo>
                <a:pt x="16384" y="12460"/>
              </a:lnTo>
              <a:lnTo>
                <a:pt x="16111" y="12558"/>
              </a:lnTo>
              <a:lnTo>
                <a:pt x="15656" y="12460"/>
              </a:lnTo>
              <a:lnTo>
                <a:pt x="15292" y="12656"/>
              </a:lnTo>
              <a:lnTo>
                <a:pt x="14746" y="12656"/>
              </a:lnTo>
              <a:lnTo>
                <a:pt x="14382" y="12754"/>
              </a:lnTo>
              <a:lnTo>
                <a:pt x="14382" y="13048"/>
              </a:lnTo>
              <a:lnTo>
                <a:pt x="14382" y="13539"/>
              </a:lnTo>
              <a:lnTo>
                <a:pt x="14199" y="13539"/>
              </a:lnTo>
              <a:lnTo>
                <a:pt x="13926" y="14226"/>
              </a:lnTo>
              <a:lnTo>
                <a:pt x="13744" y="14814"/>
              </a:lnTo>
              <a:lnTo>
                <a:pt x="13471" y="14912"/>
              </a:lnTo>
              <a:lnTo>
                <a:pt x="12925" y="14912"/>
              </a:lnTo>
              <a:lnTo>
                <a:pt x="12470" y="15010"/>
              </a:lnTo>
              <a:lnTo>
                <a:pt x="12015" y="15207"/>
              </a:lnTo>
              <a:lnTo>
                <a:pt x="11105" y="15109"/>
              </a:lnTo>
              <a:lnTo>
                <a:pt x="10468" y="15501"/>
              </a:lnTo>
              <a:lnTo>
                <a:pt x="9648" y="15305"/>
              </a:lnTo>
              <a:lnTo>
                <a:pt x="8829" y="15207"/>
              </a:lnTo>
              <a:lnTo>
                <a:pt x="8192" y="15501"/>
              </a:lnTo>
              <a:lnTo>
                <a:pt x="7737" y="14912"/>
              </a:lnTo>
              <a:lnTo>
                <a:pt x="7737" y="14814"/>
              </a:lnTo>
              <a:lnTo>
                <a:pt x="7646" y="14716"/>
              </a:lnTo>
              <a:lnTo>
                <a:pt x="7646" y="14422"/>
              </a:lnTo>
              <a:lnTo>
                <a:pt x="7282" y="14324"/>
              </a:lnTo>
              <a:lnTo>
                <a:pt x="7191" y="14128"/>
              </a:lnTo>
              <a:lnTo>
                <a:pt x="6918" y="14128"/>
              </a:lnTo>
              <a:lnTo>
                <a:pt x="6736" y="14520"/>
              </a:lnTo>
              <a:lnTo>
                <a:pt x="6372" y="14520"/>
              </a:lnTo>
              <a:lnTo>
                <a:pt x="6190" y="15109"/>
              </a:lnTo>
              <a:lnTo>
                <a:pt x="5552" y="15010"/>
              </a:lnTo>
              <a:lnTo>
                <a:pt x="4733" y="15599"/>
              </a:lnTo>
              <a:lnTo>
                <a:pt x="4460" y="15795"/>
              </a:lnTo>
              <a:lnTo>
                <a:pt x="3823" y="16384"/>
              </a:lnTo>
              <a:lnTo>
                <a:pt x="3368" y="15992"/>
              </a:lnTo>
              <a:lnTo>
                <a:pt x="2913" y="15010"/>
              </a:lnTo>
              <a:lnTo>
                <a:pt x="2731" y="14618"/>
              </a:lnTo>
              <a:lnTo>
                <a:pt x="2094" y="14814"/>
              </a:lnTo>
              <a:lnTo>
                <a:pt x="1638" y="13833"/>
              </a:lnTo>
              <a:lnTo>
                <a:pt x="273" y="11577"/>
              </a:lnTo>
              <a:lnTo>
                <a:pt x="273" y="11184"/>
              </a:lnTo>
              <a:lnTo>
                <a:pt x="364" y="10399"/>
              </a:lnTo>
              <a:lnTo>
                <a:pt x="546" y="10007"/>
              </a:lnTo>
              <a:lnTo>
                <a:pt x="910" y="9811"/>
              </a:lnTo>
              <a:lnTo>
                <a:pt x="1001" y="9516"/>
              </a:lnTo>
              <a:lnTo>
                <a:pt x="910" y="9026"/>
              </a:lnTo>
              <a:lnTo>
                <a:pt x="728" y="8633"/>
              </a:lnTo>
              <a:lnTo>
                <a:pt x="819" y="8143"/>
              </a:lnTo>
              <a:lnTo>
                <a:pt x="364" y="7554"/>
              </a:lnTo>
              <a:lnTo>
                <a:pt x="455" y="7260"/>
              </a:lnTo>
              <a:lnTo>
                <a:pt x="546" y="7064"/>
              </a:lnTo>
              <a:lnTo>
                <a:pt x="637" y="6671"/>
              </a:lnTo>
              <a:lnTo>
                <a:pt x="546" y="6083"/>
              </a:lnTo>
              <a:lnTo>
                <a:pt x="637" y="5690"/>
              </a:lnTo>
              <a:lnTo>
                <a:pt x="546" y="5298"/>
              </a:lnTo>
              <a:lnTo>
                <a:pt x="364" y="5003"/>
              </a:lnTo>
              <a:lnTo>
                <a:pt x="455" y="4513"/>
              </a:lnTo>
              <a:lnTo>
                <a:pt x="182" y="4121"/>
              </a:lnTo>
              <a:lnTo>
                <a:pt x="0" y="3532"/>
              </a:lnTo>
              <a:lnTo>
                <a:pt x="91" y="3139"/>
              </a:lnTo>
              <a:lnTo>
                <a:pt x="0" y="2747"/>
              </a:lnTo>
              <a:lnTo>
                <a:pt x="91" y="2453"/>
              </a:lnTo>
              <a:lnTo>
                <a:pt x="728" y="2355"/>
              </a:lnTo>
              <a:lnTo>
                <a:pt x="1365" y="2256"/>
              </a:lnTo>
              <a:lnTo>
                <a:pt x="1729" y="1668"/>
              </a:lnTo>
              <a:lnTo>
                <a:pt x="2094" y="1570"/>
              </a:lnTo>
              <a:lnTo>
                <a:pt x="2367" y="981"/>
              </a:lnTo>
              <a:lnTo>
                <a:pt x="2549" y="981"/>
              </a:lnTo>
              <a:lnTo>
                <a:pt x="3095" y="1079"/>
              </a:lnTo>
              <a:lnTo>
                <a:pt x="3641" y="1275"/>
              </a:lnTo>
              <a:lnTo>
                <a:pt x="4187" y="2060"/>
              </a:lnTo>
              <a:lnTo>
                <a:pt x="4460" y="2158"/>
              </a:lnTo>
              <a:lnTo>
                <a:pt x="4551" y="1766"/>
              </a:lnTo>
              <a:lnTo>
                <a:pt x="5188" y="1668"/>
              </a:lnTo>
              <a:lnTo>
                <a:pt x="5916" y="1472"/>
              </a:lnTo>
              <a:lnTo>
                <a:pt x="6098" y="1472"/>
              </a:lnTo>
              <a:lnTo>
                <a:pt x="6463" y="981"/>
              </a:lnTo>
              <a:lnTo>
                <a:pt x="6827" y="883"/>
              </a:lnTo>
              <a:lnTo>
                <a:pt x="7009" y="294"/>
              </a:lnTo>
              <a:lnTo>
                <a:pt x="7282" y="392"/>
              </a:lnTo>
              <a:lnTo>
                <a:pt x="7464" y="294"/>
              </a:lnTo>
              <a:lnTo>
                <a:pt x="8101" y="0"/>
              </a:lnTo>
              <a:lnTo>
                <a:pt x="8192" y="98"/>
              </a:lnTo>
              <a:lnTo>
                <a:pt x="8829" y="294"/>
              </a:lnTo>
              <a:lnTo>
                <a:pt x="9648" y="883"/>
              </a:lnTo>
              <a:lnTo>
                <a:pt x="9466" y="1275"/>
              </a:lnTo>
              <a:lnTo>
                <a:pt x="9375" y="1570"/>
              </a:lnTo>
              <a:lnTo>
                <a:pt x="9739" y="1962"/>
              </a:lnTo>
              <a:lnTo>
                <a:pt x="9648" y="2256"/>
              </a:lnTo>
              <a:lnTo>
                <a:pt x="9739" y="2845"/>
              </a:lnTo>
              <a:lnTo>
                <a:pt x="9739" y="3041"/>
              </a:lnTo>
              <a:lnTo>
                <a:pt x="9648" y="3630"/>
              </a:lnTo>
              <a:lnTo>
                <a:pt x="9830" y="4121"/>
              </a:lnTo>
              <a:lnTo>
                <a:pt x="10377" y="5396"/>
              </a:lnTo>
              <a:lnTo>
                <a:pt x="11105" y="6868"/>
              </a:lnTo>
              <a:lnTo>
                <a:pt x="11651" y="7162"/>
              </a:lnTo>
              <a:lnTo>
                <a:pt x="11924" y="7751"/>
              </a:lnTo>
              <a:lnTo>
                <a:pt x="12288" y="8045"/>
              </a:lnTo>
              <a:lnTo>
                <a:pt x="12288" y="8633"/>
              </a:lnTo>
              <a:lnTo>
                <a:pt x="12470" y="9026"/>
              </a:lnTo>
              <a:lnTo>
                <a:pt x="12470" y="9320"/>
              </a:lnTo>
              <a:lnTo>
                <a:pt x="12288" y="9418"/>
              </a:lnTo>
              <a:lnTo>
                <a:pt x="11924" y="9909"/>
              </a:lnTo>
              <a:lnTo>
                <a:pt x="12106" y="11086"/>
              </a:lnTo>
              <a:lnTo>
                <a:pt x="12470" y="11282"/>
              </a:lnTo>
              <a:lnTo>
                <a:pt x="13289" y="10890"/>
              </a:lnTo>
              <a:lnTo>
                <a:pt x="13926" y="10890"/>
              </a:lnTo>
              <a:lnTo>
                <a:pt x="14928" y="10596"/>
              </a:lnTo>
              <a:lnTo>
                <a:pt x="15474" y="11282"/>
              </a:lnTo>
              <a:lnTo>
                <a:pt x="16293" y="11479"/>
              </a:lnTo>
              <a:close/>
            </a:path>
          </a:pathLst>
        </a:custGeom>
        <a:pattFill prst="smConfetti">
          <a:fgClr>
            <a:srgbClr val="000000"/>
          </a:fgClr>
          <a:bgClr>
            <a:srgbClr val="FFFFFF"/>
          </a:bgClr>
        </a:pattFill>
        <a:ln w="9525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5</xdr:col>
      <xdr:colOff>523240</xdr:colOff>
      <xdr:row>15</xdr:row>
      <xdr:rowOff>66675</xdr:rowOff>
    </xdr:from>
    <xdr:to>
      <xdr:col>8</xdr:col>
      <xdr:colOff>469900</xdr:colOff>
      <xdr:row>27</xdr:row>
      <xdr:rowOff>57150</xdr:rowOff>
    </xdr:to>
    <xdr:sp macro="" textlink="">
      <xdr:nvSpPr>
        <xdr:cNvPr id="12" name="d14212" descr="縦線 (破線)">
          <a:extLst>
            <a:ext uri="{FF2B5EF4-FFF2-40B4-BE49-F238E27FC236}">
              <a16:creationId xmlns:a16="http://schemas.microsoft.com/office/drawing/2014/main" id="{00000000-0008-0000-0200-00000C000000}"/>
            </a:ext>
          </a:extLst>
        </xdr:cNvPr>
        <xdr:cNvSpPr>
          <a:spLocks/>
        </xdr:cNvSpPr>
      </xdr:nvSpPr>
      <xdr:spPr bwMode="auto">
        <a:xfrm>
          <a:off x="3253740" y="3597275"/>
          <a:ext cx="1584960" cy="181927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0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2147483646 h 16384"/>
            <a:gd name="T102" fmla="*/ 2147483646 w 16384"/>
            <a:gd name="T103" fmla="*/ 2147483646 h 16384"/>
            <a:gd name="T104" fmla="*/ 2147483646 w 16384"/>
            <a:gd name="T105" fmla="*/ 2147483646 h 16384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w 16384"/>
            <a:gd name="T160" fmla="*/ 0 h 16384"/>
            <a:gd name="T161" fmla="*/ 16384 w 16384"/>
            <a:gd name="T162" fmla="*/ 16384 h 16384"/>
          </a:gdLst>
          <a:ahLst/>
          <a:cxnLst>
            <a:cxn ang="T106">
              <a:pos x="T0" y="T1"/>
            </a:cxn>
            <a:cxn ang="T107">
              <a:pos x="T2" y="T3"/>
            </a:cxn>
            <a:cxn ang="T108">
              <a:pos x="T4" y="T5"/>
            </a:cxn>
            <a:cxn ang="T109">
              <a:pos x="T6" y="T7"/>
            </a:cxn>
            <a:cxn ang="T110">
              <a:pos x="T8" y="T9"/>
            </a:cxn>
            <a:cxn ang="T111">
              <a:pos x="T10" y="T11"/>
            </a:cxn>
            <a:cxn ang="T112">
              <a:pos x="T12" y="T13"/>
            </a:cxn>
            <a:cxn ang="T113">
              <a:pos x="T14" y="T15"/>
            </a:cxn>
            <a:cxn ang="T114">
              <a:pos x="T16" y="T17"/>
            </a:cxn>
            <a:cxn ang="T115">
              <a:pos x="T18" y="T19"/>
            </a:cxn>
            <a:cxn ang="T116">
              <a:pos x="T20" y="T21"/>
            </a:cxn>
            <a:cxn ang="T117">
              <a:pos x="T22" y="T23"/>
            </a:cxn>
            <a:cxn ang="T118">
              <a:pos x="T24" y="T25"/>
            </a:cxn>
            <a:cxn ang="T119">
              <a:pos x="T26" y="T27"/>
            </a:cxn>
            <a:cxn ang="T120">
              <a:pos x="T28" y="T29"/>
            </a:cxn>
            <a:cxn ang="T121">
              <a:pos x="T30" y="T31"/>
            </a:cxn>
            <a:cxn ang="T122">
              <a:pos x="T32" y="T33"/>
            </a:cxn>
            <a:cxn ang="T123">
              <a:pos x="T34" y="T35"/>
            </a:cxn>
            <a:cxn ang="T124">
              <a:pos x="T36" y="T37"/>
            </a:cxn>
            <a:cxn ang="T125">
              <a:pos x="T38" y="T39"/>
            </a:cxn>
            <a:cxn ang="T126">
              <a:pos x="T40" y="T41"/>
            </a:cxn>
            <a:cxn ang="T127">
              <a:pos x="T42" y="T43"/>
            </a:cxn>
            <a:cxn ang="T128">
              <a:pos x="T44" y="T45"/>
            </a:cxn>
            <a:cxn ang="T129">
              <a:pos x="T46" y="T47"/>
            </a:cxn>
            <a:cxn ang="T130">
              <a:pos x="T48" y="T49"/>
            </a:cxn>
            <a:cxn ang="T131">
              <a:pos x="T50" y="T51"/>
            </a:cxn>
            <a:cxn ang="T132">
              <a:pos x="T52" y="T53"/>
            </a:cxn>
            <a:cxn ang="T133">
              <a:pos x="T54" y="T55"/>
            </a:cxn>
            <a:cxn ang="T134">
              <a:pos x="T56" y="T57"/>
            </a:cxn>
            <a:cxn ang="T135">
              <a:pos x="T58" y="T59"/>
            </a:cxn>
            <a:cxn ang="T136">
              <a:pos x="T60" y="T61"/>
            </a:cxn>
            <a:cxn ang="T137">
              <a:pos x="T62" y="T63"/>
            </a:cxn>
            <a:cxn ang="T138">
              <a:pos x="T64" y="T65"/>
            </a:cxn>
            <a:cxn ang="T139">
              <a:pos x="T66" y="T67"/>
            </a:cxn>
            <a:cxn ang="T140">
              <a:pos x="T68" y="T69"/>
            </a:cxn>
            <a:cxn ang="T141">
              <a:pos x="T70" y="T71"/>
            </a:cxn>
            <a:cxn ang="T142">
              <a:pos x="T72" y="T73"/>
            </a:cxn>
            <a:cxn ang="T143">
              <a:pos x="T74" y="T75"/>
            </a:cxn>
            <a:cxn ang="T144">
              <a:pos x="T76" y="T77"/>
            </a:cxn>
            <a:cxn ang="T145">
              <a:pos x="T78" y="T79"/>
            </a:cxn>
            <a:cxn ang="T146">
              <a:pos x="T80" y="T81"/>
            </a:cxn>
            <a:cxn ang="T147">
              <a:pos x="T82" y="T83"/>
            </a:cxn>
            <a:cxn ang="T148">
              <a:pos x="T84" y="T85"/>
            </a:cxn>
            <a:cxn ang="T149">
              <a:pos x="T86" y="T87"/>
            </a:cxn>
            <a:cxn ang="T150">
              <a:pos x="T88" y="T89"/>
            </a:cxn>
            <a:cxn ang="T151">
              <a:pos x="T90" y="T91"/>
            </a:cxn>
            <a:cxn ang="T152">
              <a:pos x="T92" y="T93"/>
            </a:cxn>
            <a:cxn ang="T153">
              <a:pos x="T94" y="T95"/>
            </a:cxn>
            <a:cxn ang="T154">
              <a:pos x="T96" y="T97"/>
            </a:cxn>
            <a:cxn ang="T155">
              <a:pos x="T98" y="T99"/>
            </a:cxn>
            <a:cxn ang="T156">
              <a:pos x="T100" y="T101"/>
            </a:cxn>
            <a:cxn ang="T157">
              <a:pos x="T102" y="T103"/>
            </a:cxn>
            <a:cxn ang="T158">
              <a:pos x="T104" y="T105"/>
            </a:cxn>
          </a:cxnLst>
          <a:rect l="T159" t="T160" r="T161" b="T162"/>
          <a:pathLst>
            <a:path w="16384" h="16384">
              <a:moveTo>
                <a:pt x="13446" y="16298"/>
              </a:moveTo>
              <a:lnTo>
                <a:pt x="13267" y="15612"/>
              </a:lnTo>
              <a:lnTo>
                <a:pt x="12911" y="15269"/>
              </a:lnTo>
              <a:lnTo>
                <a:pt x="12822" y="14840"/>
              </a:lnTo>
              <a:lnTo>
                <a:pt x="12822" y="14411"/>
              </a:lnTo>
              <a:lnTo>
                <a:pt x="12822" y="13896"/>
              </a:lnTo>
              <a:lnTo>
                <a:pt x="12644" y="13725"/>
              </a:lnTo>
              <a:lnTo>
                <a:pt x="12466" y="13467"/>
              </a:lnTo>
              <a:lnTo>
                <a:pt x="12021" y="13382"/>
              </a:lnTo>
              <a:lnTo>
                <a:pt x="11576" y="12867"/>
              </a:lnTo>
              <a:lnTo>
                <a:pt x="11219" y="12695"/>
              </a:lnTo>
              <a:lnTo>
                <a:pt x="10863" y="12438"/>
              </a:lnTo>
              <a:lnTo>
                <a:pt x="10952" y="12181"/>
              </a:lnTo>
              <a:lnTo>
                <a:pt x="10774" y="12095"/>
              </a:lnTo>
              <a:lnTo>
                <a:pt x="10507" y="12181"/>
              </a:lnTo>
              <a:lnTo>
                <a:pt x="10151" y="12181"/>
              </a:lnTo>
              <a:lnTo>
                <a:pt x="10151" y="12438"/>
              </a:lnTo>
              <a:lnTo>
                <a:pt x="9350" y="12953"/>
              </a:lnTo>
              <a:lnTo>
                <a:pt x="9082" y="12695"/>
              </a:lnTo>
              <a:lnTo>
                <a:pt x="8548" y="12524"/>
              </a:lnTo>
              <a:lnTo>
                <a:pt x="8281" y="12352"/>
              </a:lnTo>
              <a:lnTo>
                <a:pt x="8014" y="11923"/>
              </a:lnTo>
              <a:lnTo>
                <a:pt x="8103" y="11323"/>
              </a:lnTo>
              <a:lnTo>
                <a:pt x="7302" y="11323"/>
              </a:lnTo>
              <a:lnTo>
                <a:pt x="6945" y="10980"/>
              </a:lnTo>
              <a:lnTo>
                <a:pt x="6678" y="10980"/>
              </a:lnTo>
              <a:lnTo>
                <a:pt x="6589" y="10723"/>
              </a:lnTo>
              <a:lnTo>
                <a:pt x="5521" y="10551"/>
              </a:lnTo>
              <a:lnTo>
                <a:pt x="5254" y="10294"/>
              </a:lnTo>
              <a:lnTo>
                <a:pt x="4185" y="10208"/>
              </a:lnTo>
              <a:lnTo>
                <a:pt x="4007" y="10036"/>
              </a:lnTo>
              <a:lnTo>
                <a:pt x="3740" y="10122"/>
              </a:lnTo>
              <a:lnTo>
                <a:pt x="3562" y="9865"/>
              </a:lnTo>
              <a:lnTo>
                <a:pt x="3206" y="9779"/>
              </a:lnTo>
              <a:lnTo>
                <a:pt x="2849" y="9607"/>
              </a:lnTo>
              <a:lnTo>
                <a:pt x="2404" y="9865"/>
              </a:lnTo>
              <a:lnTo>
                <a:pt x="1870" y="9779"/>
              </a:lnTo>
              <a:lnTo>
                <a:pt x="1603" y="9865"/>
              </a:lnTo>
              <a:lnTo>
                <a:pt x="1336" y="10208"/>
              </a:lnTo>
              <a:lnTo>
                <a:pt x="979" y="10551"/>
              </a:lnTo>
              <a:lnTo>
                <a:pt x="356" y="10637"/>
              </a:lnTo>
              <a:lnTo>
                <a:pt x="356" y="10465"/>
              </a:lnTo>
              <a:lnTo>
                <a:pt x="267" y="9950"/>
              </a:lnTo>
              <a:lnTo>
                <a:pt x="356" y="9693"/>
              </a:lnTo>
              <a:lnTo>
                <a:pt x="0" y="9350"/>
              </a:lnTo>
              <a:lnTo>
                <a:pt x="89" y="9093"/>
              </a:lnTo>
              <a:lnTo>
                <a:pt x="534" y="8921"/>
              </a:lnTo>
              <a:lnTo>
                <a:pt x="1069" y="8664"/>
              </a:lnTo>
              <a:lnTo>
                <a:pt x="1158" y="8406"/>
              </a:lnTo>
              <a:lnTo>
                <a:pt x="1336" y="8149"/>
              </a:lnTo>
              <a:lnTo>
                <a:pt x="1603" y="8149"/>
              </a:lnTo>
              <a:lnTo>
                <a:pt x="2048" y="7806"/>
              </a:lnTo>
              <a:lnTo>
                <a:pt x="2582" y="8235"/>
              </a:lnTo>
              <a:lnTo>
                <a:pt x="3117" y="8149"/>
              </a:lnTo>
              <a:lnTo>
                <a:pt x="3473" y="7978"/>
              </a:lnTo>
              <a:lnTo>
                <a:pt x="3651" y="8063"/>
              </a:lnTo>
              <a:lnTo>
                <a:pt x="4007" y="7978"/>
              </a:lnTo>
              <a:lnTo>
                <a:pt x="4452" y="7892"/>
              </a:lnTo>
              <a:lnTo>
                <a:pt x="4808" y="7978"/>
              </a:lnTo>
              <a:lnTo>
                <a:pt x="5343" y="7806"/>
              </a:lnTo>
              <a:lnTo>
                <a:pt x="5877" y="7806"/>
              </a:lnTo>
              <a:lnTo>
                <a:pt x="6233" y="8063"/>
              </a:lnTo>
              <a:lnTo>
                <a:pt x="6767" y="7806"/>
              </a:lnTo>
              <a:lnTo>
                <a:pt x="6856" y="7892"/>
              </a:lnTo>
              <a:lnTo>
                <a:pt x="7123" y="7892"/>
              </a:lnTo>
              <a:lnTo>
                <a:pt x="7302" y="7634"/>
              </a:lnTo>
              <a:lnTo>
                <a:pt x="7302" y="7034"/>
              </a:lnTo>
              <a:lnTo>
                <a:pt x="7569" y="6862"/>
              </a:lnTo>
              <a:lnTo>
                <a:pt x="7569" y="6519"/>
              </a:lnTo>
              <a:lnTo>
                <a:pt x="7569" y="6176"/>
              </a:lnTo>
              <a:lnTo>
                <a:pt x="7480" y="5747"/>
              </a:lnTo>
              <a:lnTo>
                <a:pt x="7213" y="5661"/>
              </a:lnTo>
              <a:lnTo>
                <a:pt x="6856" y="5490"/>
              </a:lnTo>
              <a:lnTo>
                <a:pt x="6678" y="5404"/>
              </a:lnTo>
              <a:lnTo>
                <a:pt x="6589" y="4975"/>
              </a:lnTo>
              <a:lnTo>
                <a:pt x="6500" y="4632"/>
              </a:lnTo>
              <a:lnTo>
                <a:pt x="6144" y="4546"/>
              </a:lnTo>
              <a:lnTo>
                <a:pt x="5966" y="4289"/>
              </a:lnTo>
              <a:lnTo>
                <a:pt x="5877" y="4032"/>
              </a:lnTo>
              <a:lnTo>
                <a:pt x="5877" y="3603"/>
              </a:lnTo>
              <a:lnTo>
                <a:pt x="5521" y="3260"/>
              </a:lnTo>
              <a:lnTo>
                <a:pt x="5432" y="2831"/>
              </a:lnTo>
              <a:lnTo>
                <a:pt x="5165" y="2488"/>
              </a:lnTo>
              <a:lnTo>
                <a:pt x="5165" y="2316"/>
              </a:lnTo>
              <a:lnTo>
                <a:pt x="5254" y="1801"/>
              </a:lnTo>
              <a:lnTo>
                <a:pt x="5521" y="1630"/>
              </a:lnTo>
              <a:lnTo>
                <a:pt x="5877" y="1801"/>
              </a:lnTo>
              <a:lnTo>
                <a:pt x="6678" y="1458"/>
              </a:lnTo>
              <a:lnTo>
                <a:pt x="7213" y="772"/>
              </a:lnTo>
              <a:lnTo>
                <a:pt x="7658" y="772"/>
              </a:lnTo>
              <a:lnTo>
                <a:pt x="7836" y="600"/>
              </a:lnTo>
              <a:lnTo>
                <a:pt x="8192" y="772"/>
              </a:lnTo>
              <a:lnTo>
                <a:pt x="8548" y="515"/>
              </a:lnTo>
              <a:lnTo>
                <a:pt x="9171" y="772"/>
              </a:lnTo>
              <a:lnTo>
                <a:pt x="9082" y="1201"/>
              </a:lnTo>
              <a:lnTo>
                <a:pt x="9439" y="1716"/>
              </a:lnTo>
              <a:lnTo>
                <a:pt x="9439" y="2316"/>
              </a:lnTo>
              <a:lnTo>
                <a:pt x="9973" y="2230"/>
              </a:lnTo>
              <a:lnTo>
                <a:pt x="10240" y="2488"/>
              </a:lnTo>
              <a:lnTo>
                <a:pt x="10863" y="2488"/>
              </a:lnTo>
              <a:lnTo>
                <a:pt x="11665" y="2745"/>
              </a:lnTo>
              <a:lnTo>
                <a:pt x="12110" y="3345"/>
              </a:lnTo>
              <a:lnTo>
                <a:pt x="12466" y="3517"/>
              </a:lnTo>
              <a:lnTo>
                <a:pt x="12644" y="3431"/>
              </a:lnTo>
              <a:lnTo>
                <a:pt x="12822" y="3260"/>
              </a:lnTo>
              <a:lnTo>
                <a:pt x="12733" y="2745"/>
              </a:lnTo>
              <a:lnTo>
                <a:pt x="12911" y="2573"/>
              </a:lnTo>
              <a:lnTo>
                <a:pt x="12822" y="2402"/>
              </a:lnTo>
              <a:lnTo>
                <a:pt x="13000" y="2316"/>
              </a:lnTo>
              <a:lnTo>
                <a:pt x="12911" y="2145"/>
              </a:lnTo>
              <a:lnTo>
                <a:pt x="13089" y="2145"/>
              </a:lnTo>
              <a:lnTo>
                <a:pt x="13089" y="1973"/>
              </a:lnTo>
              <a:lnTo>
                <a:pt x="13000" y="1544"/>
              </a:lnTo>
              <a:lnTo>
                <a:pt x="12911" y="1115"/>
              </a:lnTo>
              <a:lnTo>
                <a:pt x="13802" y="858"/>
              </a:lnTo>
              <a:lnTo>
                <a:pt x="13802" y="429"/>
              </a:lnTo>
              <a:lnTo>
                <a:pt x="13446" y="343"/>
              </a:lnTo>
              <a:lnTo>
                <a:pt x="13357" y="257"/>
              </a:lnTo>
              <a:lnTo>
                <a:pt x="13713" y="0"/>
              </a:lnTo>
              <a:lnTo>
                <a:pt x="13980" y="172"/>
              </a:lnTo>
              <a:lnTo>
                <a:pt x="14336" y="686"/>
              </a:lnTo>
              <a:lnTo>
                <a:pt x="14870" y="686"/>
              </a:lnTo>
              <a:lnTo>
                <a:pt x="15939" y="1287"/>
              </a:lnTo>
              <a:lnTo>
                <a:pt x="16028" y="1887"/>
              </a:lnTo>
              <a:lnTo>
                <a:pt x="15939" y="3431"/>
              </a:lnTo>
              <a:lnTo>
                <a:pt x="15761" y="4289"/>
              </a:lnTo>
              <a:lnTo>
                <a:pt x="15672" y="4718"/>
              </a:lnTo>
              <a:lnTo>
                <a:pt x="15761" y="5061"/>
              </a:lnTo>
              <a:lnTo>
                <a:pt x="15761" y="5490"/>
              </a:lnTo>
              <a:lnTo>
                <a:pt x="15939" y="5833"/>
              </a:lnTo>
              <a:lnTo>
                <a:pt x="16206" y="6262"/>
              </a:lnTo>
              <a:lnTo>
                <a:pt x="16295" y="6777"/>
              </a:lnTo>
              <a:lnTo>
                <a:pt x="16384" y="7120"/>
              </a:lnTo>
              <a:lnTo>
                <a:pt x="16384" y="7549"/>
              </a:lnTo>
              <a:lnTo>
                <a:pt x="16295" y="8235"/>
              </a:lnTo>
              <a:lnTo>
                <a:pt x="15850" y="8921"/>
              </a:lnTo>
              <a:lnTo>
                <a:pt x="15494" y="9436"/>
              </a:lnTo>
              <a:lnTo>
                <a:pt x="15315" y="9865"/>
              </a:lnTo>
              <a:lnTo>
                <a:pt x="15405" y="10379"/>
              </a:lnTo>
              <a:lnTo>
                <a:pt x="15494" y="10723"/>
              </a:lnTo>
              <a:lnTo>
                <a:pt x="15672" y="11066"/>
              </a:lnTo>
              <a:lnTo>
                <a:pt x="15672" y="11752"/>
              </a:lnTo>
              <a:lnTo>
                <a:pt x="15583" y="12438"/>
              </a:lnTo>
              <a:lnTo>
                <a:pt x="15405" y="13124"/>
              </a:lnTo>
              <a:lnTo>
                <a:pt x="15315" y="13639"/>
              </a:lnTo>
              <a:lnTo>
                <a:pt x="15226" y="14068"/>
              </a:lnTo>
              <a:lnTo>
                <a:pt x="15137" y="14754"/>
              </a:lnTo>
              <a:lnTo>
                <a:pt x="15226" y="15269"/>
              </a:lnTo>
              <a:lnTo>
                <a:pt x="15315" y="15612"/>
              </a:lnTo>
              <a:lnTo>
                <a:pt x="15494" y="15955"/>
              </a:lnTo>
              <a:lnTo>
                <a:pt x="15583" y="16384"/>
              </a:lnTo>
              <a:lnTo>
                <a:pt x="14692" y="16298"/>
              </a:lnTo>
              <a:lnTo>
                <a:pt x="14069" y="16384"/>
              </a:lnTo>
              <a:lnTo>
                <a:pt x="13980" y="16212"/>
              </a:lnTo>
              <a:lnTo>
                <a:pt x="13891" y="16127"/>
              </a:lnTo>
              <a:lnTo>
                <a:pt x="13891" y="15784"/>
              </a:lnTo>
              <a:lnTo>
                <a:pt x="13713" y="15612"/>
              </a:lnTo>
              <a:lnTo>
                <a:pt x="13802" y="15269"/>
              </a:lnTo>
              <a:lnTo>
                <a:pt x="13624" y="15269"/>
              </a:lnTo>
              <a:lnTo>
                <a:pt x="13535" y="16298"/>
              </a:lnTo>
              <a:lnTo>
                <a:pt x="13446" y="16298"/>
              </a:lnTo>
              <a:close/>
            </a:path>
          </a:pathLst>
        </a:custGeom>
        <a:pattFill prst="dashVert">
          <a:fgClr>
            <a:srgbClr val="000000"/>
          </a:fgClr>
          <a:bgClr>
            <a:srgbClr val="FFFFFF"/>
          </a:bgClr>
        </a:pattFill>
        <a:ln w="9525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9</xdr:col>
      <xdr:colOff>441325</xdr:colOff>
      <xdr:row>16</xdr:row>
      <xdr:rowOff>9525</xdr:rowOff>
    </xdr:from>
    <xdr:to>
      <xdr:col>10</xdr:col>
      <xdr:colOff>412750</xdr:colOff>
      <xdr:row>24</xdr:row>
      <xdr:rowOff>133350</xdr:rowOff>
    </xdr:to>
    <xdr:sp macro="" textlink="">
      <xdr:nvSpPr>
        <xdr:cNvPr id="13" name="d14213">
          <a:extLst>
            <a:ext uri="{FF2B5EF4-FFF2-40B4-BE49-F238E27FC236}">
              <a16:creationId xmlns:a16="http://schemas.microsoft.com/office/drawing/2014/main" id="{00000000-0008-0000-0200-00000D000000}"/>
            </a:ext>
          </a:extLst>
        </xdr:cNvPr>
        <xdr:cNvSpPr>
          <a:spLocks/>
        </xdr:cNvSpPr>
      </xdr:nvSpPr>
      <xdr:spPr bwMode="auto">
        <a:xfrm>
          <a:off x="5927725" y="3695700"/>
          <a:ext cx="581025" cy="134302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0 60000 65536"/>
            <a:gd name="T65" fmla="*/ 0 60000 65536"/>
            <a:gd name="T66" fmla="*/ 0 60000 65536"/>
            <a:gd name="T67" fmla="*/ 0 60000 65536"/>
            <a:gd name="T68" fmla="*/ 0 60000 65536"/>
            <a:gd name="T69" fmla="*/ 0 60000 65536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w 16384"/>
            <a:gd name="T97" fmla="*/ 0 h 16384"/>
            <a:gd name="T98" fmla="*/ 16384 w 16384"/>
            <a:gd name="T99" fmla="*/ 16384 h 16384"/>
          </a:gdLst>
          <a:ahLst/>
          <a:cxnLst>
            <a:cxn ang="T64">
              <a:pos x="T0" y="T1"/>
            </a:cxn>
            <a:cxn ang="T65">
              <a:pos x="T2" y="T3"/>
            </a:cxn>
            <a:cxn ang="T66">
              <a:pos x="T4" y="T5"/>
            </a:cxn>
            <a:cxn ang="T67">
              <a:pos x="T6" y="T7"/>
            </a:cxn>
            <a:cxn ang="T68">
              <a:pos x="T8" y="T9"/>
            </a:cxn>
            <a:cxn ang="T69">
              <a:pos x="T10" y="T11"/>
            </a:cxn>
            <a:cxn ang="T70">
              <a:pos x="T12" y="T13"/>
            </a:cxn>
            <a:cxn ang="T71">
              <a:pos x="T14" y="T15"/>
            </a:cxn>
            <a:cxn ang="T72">
              <a:pos x="T16" y="T17"/>
            </a:cxn>
            <a:cxn ang="T73">
              <a:pos x="T18" y="T19"/>
            </a:cxn>
            <a:cxn ang="T74">
              <a:pos x="T20" y="T21"/>
            </a:cxn>
            <a:cxn ang="T75">
              <a:pos x="T22" y="T23"/>
            </a:cxn>
            <a:cxn ang="T76">
              <a:pos x="T24" y="T25"/>
            </a:cxn>
            <a:cxn ang="T77">
              <a:pos x="T26" y="T27"/>
            </a:cxn>
            <a:cxn ang="T78">
              <a:pos x="T28" y="T29"/>
            </a:cxn>
            <a:cxn ang="T79">
              <a:pos x="T30" y="T31"/>
            </a:cxn>
            <a:cxn ang="T80">
              <a:pos x="T32" y="T33"/>
            </a:cxn>
            <a:cxn ang="T81">
              <a:pos x="T34" y="T35"/>
            </a:cxn>
            <a:cxn ang="T82">
              <a:pos x="T36" y="T37"/>
            </a:cxn>
            <a:cxn ang="T83">
              <a:pos x="T38" y="T39"/>
            </a:cxn>
            <a:cxn ang="T84">
              <a:pos x="T40" y="T41"/>
            </a:cxn>
            <a:cxn ang="T85">
              <a:pos x="T42" y="T43"/>
            </a:cxn>
            <a:cxn ang="T86">
              <a:pos x="T44" y="T45"/>
            </a:cxn>
            <a:cxn ang="T87">
              <a:pos x="T46" y="T47"/>
            </a:cxn>
            <a:cxn ang="T88">
              <a:pos x="T48" y="T49"/>
            </a:cxn>
            <a:cxn ang="T89">
              <a:pos x="T50" y="T51"/>
            </a:cxn>
            <a:cxn ang="T90">
              <a:pos x="T52" y="T53"/>
            </a:cxn>
            <a:cxn ang="T91">
              <a:pos x="T54" y="T55"/>
            </a:cxn>
            <a:cxn ang="T92">
              <a:pos x="T56" y="T57"/>
            </a:cxn>
            <a:cxn ang="T93">
              <a:pos x="T58" y="T59"/>
            </a:cxn>
            <a:cxn ang="T94">
              <a:pos x="T60" y="T61"/>
            </a:cxn>
            <a:cxn ang="T95">
              <a:pos x="T62" y="T63"/>
            </a:cxn>
          </a:cxnLst>
          <a:rect l="T96" t="T97" r="T98" b="T99"/>
          <a:pathLst>
            <a:path w="16384" h="16384">
              <a:moveTo>
                <a:pt x="8863" y="0"/>
              </a:moveTo>
              <a:lnTo>
                <a:pt x="9132" y="116"/>
              </a:lnTo>
              <a:lnTo>
                <a:pt x="10206" y="0"/>
              </a:lnTo>
              <a:lnTo>
                <a:pt x="11281" y="349"/>
              </a:lnTo>
              <a:lnTo>
                <a:pt x="11818" y="581"/>
              </a:lnTo>
              <a:lnTo>
                <a:pt x="11818" y="1046"/>
              </a:lnTo>
              <a:lnTo>
                <a:pt x="11818" y="1394"/>
              </a:lnTo>
              <a:lnTo>
                <a:pt x="12355" y="1859"/>
              </a:lnTo>
              <a:lnTo>
                <a:pt x="12892" y="2208"/>
              </a:lnTo>
              <a:lnTo>
                <a:pt x="12892" y="2673"/>
              </a:lnTo>
              <a:lnTo>
                <a:pt x="12624" y="3137"/>
              </a:lnTo>
              <a:lnTo>
                <a:pt x="11818" y="3486"/>
              </a:lnTo>
              <a:lnTo>
                <a:pt x="11281" y="3835"/>
              </a:lnTo>
              <a:lnTo>
                <a:pt x="11818" y="4183"/>
              </a:lnTo>
              <a:lnTo>
                <a:pt x="12624" y="4299"/>
              </a:lnTo>
              <a:lnTo>
                <a:pt x="13698" y="5345"/>
              </a:lnTo>
              <a:lnTo>
                <a:pt x="13161" y="5926"/>
              </a:lnTo>
              <a:lnTo>
                <a:pt x="13430" y="6391"/>
              </a:lnTo>
              <a:lnTo>
                <a:pt x="13430" y="6972"/>
              </a:lnTo>
              <a:lnTo>
                <a:pt x="13430" y="7553"/>
              </a:lnTo>
              <a:lnTo>
                <a:pt x="14504" y="8482"/>
              </a:lnTo>
              <a:lnTo>
                <a:pt x="14504" y="8947"/>
              </a:lnTo>
              <a:lnTo>
                <a:pt x="13967" y="9528"/>
              </a:lnTo>
              <a:lnTo>
                <a:pt x="14504" y="10225"/>
              </a:lnTo>
              <a:lnTo>
                <a:pt x="15578" y="11271"/>
              </a:lnTo>
              <a:lnTo>
                <a:pt x="16384" y="12201"/>
              </a:lnTo>
              <a:lnTo>
                <a:pt x="15310" y="13363"/>
              </a:lnTo>
              <a:lnTo>
                <a:pt x="13967" y="14641"/>
              </a:lnTo>
              <a:lnTo>
                <a:pt x="14235" y="15106"/>
              </a:lnTo>
              <a:lnTo>
                <a:pt x="13698" y="16384"/>
              </a:lnTo>
              <a:lnTo>
                <a:pt x="11818" y="16035"/>
              </a:lnTo>
              <a:lnTo>
                <a:pt x="12087" y="14873"/>
              </a:lnTo>
              <a:lnTo>
                <a:pt x="11012" y="14757"/>
              </a:lnTo>
              <a:lnTo>
                <a:pt x="10475" y="16152"/>
              </a:lnTo>
              <a:lnTo>
                <a:pt x="9401" y="15919"/>
              </a:lnTo>
              <a:lnTo>
                <a:pt x="8058" y="15803"/>
              </a:lnTo>
              <a:lnTo>
                <a:pt x="6983" y="15687"/>
              </a:lnTo>
              <a:lnTo>
                <a:pt x="6178" y="15338"/>
              </a:lnTo>
              <a:lnTo>
                <a:pt x="6715" y="14409"/>
              </a:lnTo>
              <a:lnTo>
                <a:pt x="6715" y="13711"/>
              </a:lnTo>
              <a:lnTo>
                <a:pt x="6446" y="12782"/>
              </a:lnTo>
              <a:lnTo>
                <a:pt x="6715" y="12666"/>
              </a:lnTo>
              <a:lnTo>
                <a:pt x="7521" y="11968"/>
              </a:lnTo>
              <a:lnTo>
                <a:pt x="8326" y="11620"/>
              </a:lnTo>
              <a:lnTo>
                <a:pt x="8595" y="11039"/>
              </a:lnTo>
              <a:lnTo>
                <a:pt x="8058" y="10458"/>
              </a:lnTo>
              <a:lnTo>
                <a:pt x="7252" y="10109"/>
              </a:lnTo>
              <a:lnTo>
                <a:pt x="7252" y="8831"/>
              </a:lnTo>
              <a:lnTo>
                <a:pt x="2417" y="8831"/>
              </a:lnTo>
              <a:lnTo>
                <a:pt x="2417" y="8366"/>
              </a:lnTo>
              <a:lnTo>
                <a:pt x="2149" y="7785"/>
              </a:lnTo>
              <a:lnTo>
                <a:pt x="1343" y="7204"/>
              </a:lnTo>
              <a:lnTo>
                <a:pt x="2686" y="6507"/>
              </a:lnTo>
              <a:lnTo>
                <a:pt x="2417" y="5694"/>
              </a:lnTo>
              <a:lnTo>
                <a:pt x="806" y="3602"/>
              </a:lnTo>
              <a:lnTo>
                <a:pt x="269" y="2673"/>
              </a:lnTo>
              <a:lnTo>
                <a:pt x="0" y="2092"/>
              </a:lnTo>
              <a:lnTo>
                <a:pt x="537" y="1975"/>
              </a:lnTo>
              <a:lnTo>
                <a:pt x="1612" y="1975"/>
              </a:lnTo>
              <a:lnTo>
                <a:pt x="2954" y="1859"/>
              </a:lnTo>
              <a:lnTo>
                <a:pt x="4566" y="1511"/>
              </a:lnTo>
              <a:lnTo>
                <a:pt x="5372" y="930"/>
              </a:lnTo>
              <a:lnTo>
                <a:pt x="6178" y="581"/>
              </a:lnTo>
              <a:lnTo>
                <a:pt x="7252" y="349"/>
              </a:lnTo>
              <a:lnTo>
                <a:pt x="8863" y="0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5</xdr:col>
      <xdr:colOff>603885</xdr:colOff>
      <xdr:row>22</xdr:row>
      <xdr:rowOff>69850</xdr:rowOff>
    </xdr:from>
    <xdr:to>
      <xdr:col>8</xdr:col>
      <xdr:colOff>222250</xdr:colOff>
      <xdr:row>29</xdr:row>
      <xdr:rowOff>79375</xdr:rowOff>
    </xdr:to>
    <xdr:sp macro="" textlink="">
      <xdr:nvSpPr>
        <xdr:cNvPr id="14" name="d14214" descr="紙ふぶき (小)">
          <a:extLst>
            <a:ext uri="{FF2B5EF4-FFF2-40B4-BE49-F238E27FC236}">
              <a16:creationId xmlns:a16="http://schemas.microsoft.com/office/drawing/2014/main" id="{00000000-0008-0000-0200-00000E000000}"/>
            </a:ext>
          </a:extLst>
        </xdr:cNvPr>
        <xdr:cNvSpPr>
          <a:spLocks/>
        </xdr:cNvSpPr>
      </xdr:nvSpPr>
      <xdr:spPr bwMode="auto">
        <a:xfrm>
          <a:off x="3651885" y="4670425"/>
          <a:ext cx="1447165" cy="107632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0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w 16384"/>
            <a:gd name="T136" fmla="*/ 0 h 16384"/>
            <a:gd name="T137" fmla="*/ 16384 w 16384"/>
            <a:gd name="T138" fmla="*/ 16384 h 16384"/>
          </a:gdLst>
          <a:ahLst/>
          <a:cxnLst>
            <a:cxn ang="T90">
              <a:pos x="T0" y="T1"/>
            </a:cxn>
            <a:cxn ang="T91">
              <a:pos x="T2" y="T3"/>
            </a:cxn>
            <a:cxn ang="T92">
              <a:pos x="T4" y="T5"/>
            </a:cxn>
            <a:cxn ang="T93">
              <a:pos x="T6" y="T7"/>
            </a:cxn>
            <a:cxn ang="T94">
              <a:pos x="T8" y="T9"/>
            </a:cxn>
            <a:cxn ang="T95">
              <a:pos x="T10" y="T11"/>
            </a:cxn>
            <a:cxn ang="T96">
              <a:pos x="T12" y="T13"/>
            </a:cxn>
            <a:cxn ang="T97">
              <a:pos x="T14" y="T15"/>
            </a:cxn>
            <a:cxn ang="T98">
              <a:pos x="T16" y="T17"/>
            </a:cxn>
            <a:cxn ang="T99">
              <a:pos x="T18" y="T19"/>
            </a:cxn>
            <a:cxn ang="T100">
              <a:pos x="T20" y="T21"/>
            </a:cxn>
            <a:cxn ang="T101">
              <a:pos x="T22" y="T23"/>
            </a:cxn>
            <a:cxn ang="T102">
              <a:pos x="T24" y="T25"/>
            </a:cxn>
            <a:cxn ang="T103">
              <a:pos x="T26" y="T27"/>
            </a:cxn>
            <a:cxn ang="T104">
              <a:pos x="T28" y="T29"/>
            </a:cxn>
            <a:cxn ang="T105">
              <a:pos x="T30" y="T31"/>
            </a:cxn>
            <a:cxn ang="T106">
              <a:pos x="T32" y="T33"/>
            </a:cxn>
            <a:cxn ang="T107">
              <a:pos x="T34" y="T35"/>
            </a:cxn>
            <a:cxn ang="T108">
              <a:pos x="T36" y="T37"/>
            </a:cxn>
            <a:cxn ang="T109">
              <a:pos x="T38" y="T39"/>
            </a:cxn>
            <a:cxn ang="T110">
              <a:pos x="T40" y="T41"/>
            </a:cxn>
            <a:cxn ang="T111">
              <a:pos x="T42" y="T43"/>
            </a:cxn>
            <a:cxn ang="T112">
              <a:pos x="T44" y="T45"/>
            </a:cxn>
            <a:cxn ang="T113">
              <a:pos x="T46" y="T47"/>
            </a:cxn>
            <a:cxn ang="T114">
              <a:pos x="T48" y="T49"/>
            </a:cxn>
            <a:cxn ang="T115">
              <a:pos x="T50" y="T51"/>
            </a:cxn>
            <a:cxn ang="T116">
              <a:pos x="T52" y="T53"/>
            </a:cxn>
            <a:cxn ang="T117">
              <a:pos x="T54" y="T55"/>
            </a:cxn>
            <a:cxn ang="T118">
              <a:pos x="T56" y="T57"/>
            </a:cxn>
            <a:cxn ang="T119">
              <a:pos x="T58" y="T59"/>
            </a:cxn>
            <a:cxn ang="T120">
              <a:pos x="T60" y="T61"/>
            </a:cxn>
            <a:cxn ang="T121">
              <a:pos x="T62" y="T63"/>
            </a:cxn>
            <a:cxn ang="T122">
              <a:pos x="T64" y="T65"/>
            </a:cxn>
            <a:cxn ang="T123">
              <a:pos x="T66" y="T67"/>
            </a:cxn>
            <a:cxn ang="T124">
              <a:pos x="T68" y="T69"/>
            </a:cxn>
            <a:cxn ang="T125">
              <a:pos x="T70" y="T71"/>
            </a:cxn>
            <a:cxn ang="T126">
              <a:pos x="T72" y="T73"/>
            </a:cxn>
            <a:cxn ang="T127">
              <a:pos x="T74" y="T75"/>
            </a:cxn>
            <a:cxn ang="T128">
              <a:pos x="T76" y="T77"/>
            </a:cxn>
            <a:cxn ang="T129">
              <a:pos x="T78" y="T79"/>
            </a:cxn>
            <a:cxn ang="T130">
              <a:pos x="T80" y="T81"/>
            </a:cxn>
            <a:cxn ang="T131">
              <a:pos x="T82" y="T83"/>
            </a:cxn>
            <a:cxn ang="T132">
              <a:pos x="T84" y="T85"/>
            </a:cxn>
            <a:cxn ang="T133">
              <a:pos x="T86" y="T87"/>
            </a:cxn>
            <a:cxn ang="T134">
              <a:pos x="T88" y="T89"/>
            </a:cxn>
          </a:cxnLst>
          <a:rect l="T135" t="T136" r="T137" b="T138"/>
          <a:pathLst>
            <a:path w="16384" h="16384">
              <a:moveTo>
                <a:pt x="15849" y="11309"/>
              </a:moveTo>
              <a:lnTo>
                <a:pt x="16063" y="11744"/>
              </a:lnTo>
              <a:lnTo>
                <a:pt x="16384" y="12324"/>
              </a:lnTo>
              <a:lnTo>
                <a:pt x="16170" y="13629"/>
              </a:lnTo>
              <a:lnTo>
                <a:pt x="14992" y="14789"/>
              </a:lnTo>
              <a:lnTo>
                <a:pt x="15206" y="13774"/>
              </a:lnTo>
              <a:lnTo>
                <a:pt x="15206" y="12904"/>
              </a:lnTo>
              <a:lnTo>
                <a:pt x="14885" y="12759"/>
              </a:lnTo>
              <a:lnTo>
                <a:pt x="14564" y="14499"/>
              </a:lnTo>
              <a:lnTo>
                <a:pt x="14135" y="14354"/>
              </a:lnTo>
              <a:lnTo>
                <a:pt x="13600" y="13629"/>
              </a:lnTo>
              <a:lnTo>
                <a:pt x="13171" y="14209"/>
              </a:lnTo>
              <a:lnTo>
                <a:pt x="12636" y="14209"/>
              </a:lnTo>
              <a:lnTo>
                <a:pt x="12208" y="14354"/>
              </a:lnTo>
              <a:lnTo>
                <a:pt x="12208" y="14644"/>
              </a:lnTo>
              <a:lnTo>
                <a:pt x="11779" y="14209"/>
              </a:lnTo>
              <a:lnTo>
                <a:pt x="11565" y="13629"/>
              </a:lnTo>
              <a:lnTo>
                <a:pt x="11458" y="14499"/>
              </a:lnTo>
              <a:lnTo>
                <a:pt x="11565" y="15369"/>
              </a:lnTo>
              <a:lnTo>
                <a:pt x="11565" y="16384"/>
              </a:lnTo>
              <a:lnTo>
                <a:pt x="10923" y="15949"/>
              </a:lnTo>
              <a:lnTo>
                <a:pt x="10923" y="14934"/>
              </a:lnTo>
              <a:lnTo>
                <a:pt x="10601" y="14354"/>
              </a:lnTo>
              <a:lnTo>
                <a:pt x="10280" y="14064"/>
              </a:lnTo>
              <a:lnTo>
                <a:pt x="9638" y="14064"/>
              </a:lnTo>
              <a:lnTo>
                <a:pt x="9316" y="12614"/>
              </a:lnTo>
              <a:lnTo>
                <a:pt x="9102" y="13194"/>
              </a:lnTo>
              <a:lnTo>
                <a:pt x="9102" y="13774"/>
              </a:lnTo>
              <a:lnTo>
                <a:pt x="9102" y="14209"/>
              </a:lnTo>
              <a:lnTo>
                <a:pt x="8246" y="14064"/>
              </a:lnTo>
              <a:lnTo>
                <a:pt x="7817" y="14209"/>
              </a:lnTo>
              <a:lnTo>
                <a:pt x="6853" y="13919"/>
              </a:lnTo>
              <a:lnTo>
                <a:pt x="6211" y="12904"/>
              </a:lnTo>
              <a:lnTo>
                <a:pt x="5033" y="13339"/>
              </a:lnTo>
              <a:lnTo>
                <a:pt x="4283" y="13339"/>
              </a:lnTo>
              <a:lnTo>
                <a:pt x="3320" y="13919"/>
              </a:lnTo>
              <a:lnTo>
                <a:pt x="2891" y="13629"/>
              </a:lnTo>
              <a:lnTo>
                <a:pt x="2677" y="11889"/>
              </a:lnTo>
              <a:lnTo>
                <a:pt x="3105" y="11164"/>
              </a:lnTo>
              <a:lnTo>
                <a:pt x="3320" y="11019"/>
              </a:lnTo>
              <a:lnTo>
                <a:pt x="3320" y="10584"/>
              </a:lnTo>
              <a:lnTo>
                <a:pt x="3105" y="10004"/>
              </a:lnTo>
              <a:lnTo>
                <a:pt x="3105" y="9134"/>
              </a:lnTo>
              <a:lnTo>
                <a:pt x="2677" y="8699"/>
              </a:lnTo>
              <a:lnTo>
                <a:pt x="2356" y="7830"/>
              </a:lnTo>
              <a:lnTo>
                <a:pt x="1713" y="7395"/>
              </a:lnTo>
              <a:lnTo>
                <a:pt x="857" y="5220"/>
              </a:lnTo>
              <a:lnTo>
                <a:pt x="214" y="3335"/>
              </a:lnTo>
              <a:lnTo>
                <a:pt x="0" y="2610"/>
              </a:lnTo>
              <a:lnTo>
                <a:pt x="107" y="1740"/>
              </a:lnTo>
              <a:lnTo>
                <a:pt x="857" y="1595"/>
              </a:lnTo>
              <a:lnTo>
                <a:pt x="1285" y="1015"/>
              </a:lnTo>
              <a:lnTo>
                <a:pt x="1606" y="435"/>
              </a:lnTo>
              <a:lnTo>
                <a:pt x="1928" y="290"/>
              </a:lnTo>
              <a:lnTo>
                <a:pt x="2570" y="435"/>
              </a:lnTo>
              <a:lnTo>
                <a:pt x="3105" y="0"/>
              </a:lnTo>
              <a:lnTo>
                <a:pt x="3534" y="290"/>
              </a:lnTo>
              <a:lnTo>
                <a:pt x="3962" y="435"/>
              </a:lnTo>
              <a:lnTo>
                <a:pt x="4176" y="870"/>
              </a:lnTo>
              <a:lnTo>
                <a:pt x="4498" y="725"/>
              </a:lnTo>
              <a:lnTo>
                <a:pt x="4712" y="1015"/>
              </a:lnTo>
              <a:lnTo>
                <a:pt x="5997" y="1160"/>
              </a:lnTo>
              <a:lnTo>
                <a:pt x="6318" y="1595"/>
              </a:lnTo>
              <a:lnTo>
                <a:pt x="7603" y="1885"/>
              </a:lnTo>
              <a:lnTo>
                <a:pt x="7710" y="2320"/>
              </a:lnTo>
              <a:lnTo>
                <a:pt x="8031" y="2320"/>
              </a:lnTo>
              <a:lnTo>
                <a:pt x="8460" y="2900"/>
              </a:lnTo>
              <a:lnTo>
                <a:pt x="9423" y="2900"/>
              </a:lnTo>
              <a:lnTo>
                <a:pt x="9316" y="3915"/>
              </a:lnTo>
              <a:lnTo>
                <a:pt x="9638" y="4640"/>
              </a:lnTo>
              <a:lnTo>
                <a:pt x="9959" y="4930"/>
              </a:lnTo>
              <a:lnTo>
                <a:pt x="10601" y="5220"/>
              </a:lnTo>
              <a:lnTo>
                <a:pt x="10923" y="5655"/>
              </a:lnTo>
              <a:lnTo>
                <a:pt x="11886" y="4785"/>
              </a:lnTo>
              <a:lnTo>
                <a:pt x="11886" y="4350"/>
              </a:lnTo>
              <a:lnTo>
                <a:pt x="12315" y="4350"/>
              </a:lnTo>
              <a:lnTo>
                <a:pt x="12636" y="4205"/>
              </a:lnTo>
              <a:lnTo>
                <a:pt x="12850" y="4350"/>
              </a:lnTo>
              <a:lnTo>
                <a:pt x="12743" y="4785"/>
              </a:lnTo>
              <a:lnTo>
                <a:pt x="13171" y="5220"/>
              </a:lnTo>
              <a:lnTo>
                <a:pt x="13600" y="5510"/>
              </a:lnTo>
              <a:lnTo>
                <a:pt x="14135" y="6380"/>
              </a:lnTo>
              <a:lnTo>
                <a:pt x="14671" y="6525"/>
              </a:lnTo>
              <a:lnTo>
                <a:pt x="14885" y="6960"/>
              </a:lnTo>
              <a:lnTo>
                <a:pt x="15099" y="7250"/>
              </a:lnTo>
              <a:lnTo>
                <a:pt x="15099" y="8120"/>
              </a:lnTo>
              <a:lnTo>
                <a:pt x="15099" y="8844"/>
              </a:lnTo>
              <a:lnTo>
                <a:pt x="15206" y="9569"/>
              </a:lnTo>
              <a:lnTo>
                <a:pt x="15634" y="10149"/>
              </a:lnTo>
              <a:lnTo>
                <a:pt x="15849" y="11309"/>
              </a:lnTo>
              <a:close/>
            </a:path>
          </a:pathLst>
        </a:custGeom>
        <a:pattFill prst="smConfetti">
          <a:fgClr>
            <a:srgbClr val="000000"/>
          </a:fgClr>
          <a:bgClr>
            <a:srgbClr val="FFFFFF"/>
          </a:bgClr>
        </a:pattFill>
        <a:ln w="9525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8</xdr:col>
      <xdr:colOff>349250</xdr:colOff>
      <xdr:row>19</xdr:row>
      <xdr:rowOff>142875</xdr:rowOff>
    </xdr:from>
    <xdr:to>
      <xdr:col>9</xdr:col>
      <xdr:colOff>511175</xdr:colOff>
      <xdr:row>26</xdr:row>
      <xdr:rowOff>133350</xdr:rowOff>
    </xdr:to>
    <xdr:sp macro="" textlink="">
      <xdr:nvSpPr>
        <xdr:cNvPr id="15" name="d14215" descr="格子 (小)">
          <a:extLst>
            <a:ext uri="{FF2B5EF4-FFF2-40B4-BE49-F238E27FC236}">
              <a16:creationId xmlns:a16="http://schemas.microsoft.com/office/drawing/2014/main" id="{00000000-0008-0000-0200-00000F000000}"/>
            </a:ext>
          </a:extLst>
        </xdr:cNvPr>
        <xdr:cNvSpPr>
          <a:spLocks/>
        </xdr:cNvSpPr>
      </xdr:nvSpPr>
      <xdr:spPr bwMode="auto">
        <a:xfrm>
          <a:off x="4718050" y="4283075"/>
          <a:ext cx="708025" cy="105727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0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0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2147483646 h 16384"/>
            <a:gd name="T102" fmla="*/ 2147483646 w 16384"/>
            <a:gd name="T103" fmla="*/ 2147483646 h 16384"/>
            <a:gd name="T104" fmla="*/ 2147483646 w 16384"/>
            <a:gd name="T105" fmla="*/ 2147483646 h 16384"/>
            <a:gd name="T106" fmla="*/ 2147483646 w 16384"/>
            <a:gd name="T107" fmla="*/ 2147483646 h 16384"/>
            <a:gd name="T108" fmla="*/ 2147483646 w 16384"/>
            <a:gd name="T109" fmla="*/ 2147483646 h 16384"/>
            <a:gd name="T110" fmla="*/ 2147483646 w 16384"/>
            <a:gd name="T111" fmla="*/ 2147483646 h 16384"/>
            <a:gd name="T112" fmla="*/ 2147483646 w 16384"/>
            <a:gd name="T113" fmla="*/ 2147483646 h 16384"/>
            <a:gd name="T114" fmla="*/ 2147483646 w 16384"/>
            <a:gd name="T115" fmla="*/ 2147483646 h 16384"/>
            <a:gd name="T116" fmla="*/ 2147483646 w 16384"/>
            <a:gd name="T117" fmla="*/ 2147483646 h 16384"/>
            <a:gd name="T118" fmla="*/ 2147483646 w 16384"/>
            <a:gd name="T119" fmla="*/ 2147483646 h 16384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w 16384"/>
            <a:gd name="T181" fmla="*/ 0 h 16384"/>
            <a:gd name="T182" fmla="*/ 16384 w 16384"/>
            <a:gd name="T183" fmla="*/ 16384 h 16384"/>
          </a:gdLst>
          <a:ahLst/>
          <a:cxnLst>
            <a:cxn ang="T120">
              <a:pos x="T0" y="T1"/>
            </a:cxn>
            <a:cxn ang="T121">
              <a:pos x="T2" y="T3"/>
            </a:cxn>
            <a:cxn ang="T122">
              <a:pos x="T4" y="T5"/>
            </a:cxn>
            <a:cxn ang="T123">
              <a:pos x="T6" y="T7"/>
            </a:cxn>
            <a:cxn ang="T124">
              <a:pos x="T8" y="T9"/>
            </a:cxn>
            <a:cxn ang="T125">
              <a:pos x="T10" y="T11"/>
            </a:cxn>
            <a:cxn ang="T126">
              <a:pos x="T12" y="T13"/>
            </a:cxn>
            <a:cxn ang="T127">
              <a:pos x="T14" y="T15"/>
            </a:cxn>
            <a:cxn ang="T128">
              <a:pos x="T16" y="T17"/>
            </a:cxn>
            <a:cxn ang="T129">
              <a:pos x="T18" y="T19"/>
            </a:cxn>
            <a:cxn ang="T130">
              <a:pos x="T20" y="T21"/>
            </a:cxn>
            <a:cxn ang="T131">
              <a:pos x="T22" y="T23"/>
            </a:cxn>
            <a:cxn ang="T132">
              <a:pos x="T24" y="T25"/>
            </a:cxn>
            <a:cxn ang="T133">
              <a:pos x="T26" y="T27"/>
            </a:cxn>
            <a:cxn ang="T134">
              <a:pos x="T28" y="T29"/>
            </a:cxn>
            <a:cxn ang="T135">
              <a:pos x="T30" y="T31"/>
            </a:cxn>
            <a:cxn ang="T136">
              <a:pos x="T32" y="T33"/>
            </a:cxn>
            <a:cxn ang="T137">
              <a:pos x="T34" y="T35"/>
            </a:cxn>
            <a:cxn ang="T138">
              <a:pos x="T36" y="T37"/>
            </a:cxn>
            <a:cxn ang="T139">
              <a:pos x="T38" y="T39"/>
            </a:cxn>
            <a:cxn ang="T140">
              <a:pos x="T40" y="T41"/>
            </a:cxn>
            <a:cxn ang="T141">
              <a:pos x="T42" y="T43"/>
            </a:cxn>
            <a:cxn ang="T142">
              <a:pos x="T44" y="T45"/>
            </a:cxn>
            <a:cxn ang="T143">
              <a:pos x="T46" y="T47"/>
            </a:cxn>
            <a:cxn ang="T144">
              <a:pos x="T48" y="T49"/>
            </a:cxn>
            <a:cxn ang="T145">
              <a:pos x="T50" y="T51"/>
            </a:cxn>
            <a:cxn ang="T146">
              <a:pos x="T52" y="T53"/>
            </a:cxn>
            <a:cxn ang="T147">
              <a:pos x="T54" y="T55"/>
            </a:cxn>
            <a:cxn ang="T148">
              <a:pos x="T56" y="T57"/>
            </a:cxn>
            <a:cxn ang="T149">
              <a:pos x="T58" y="T59"/>
            </a:cxn>
            <a:cxn ang="T150">
              <a:pos x="T60" y="T61"/>
            </a:cxn>
            <a:cxn ang="T151">
              <a:pos x="T62" y="T63"/>
            </a:cxn>
            <a:cxn ang="T152">
              <a:pos x="T64" y="T65"/>
            </a:cxn>
            <a:cxn ang="T153">
              <a:pos x="T66" y="T67"/>
            </a:cxn>
            <a:cxn ang="T154">
              <a:pos x="T68" y="T69"/>
            </a:cxn>
            <a:cxn ang="T155">
              <a:pos x="T70" y="T71"/>
            </a:cxn>
            <a:cxn ang="T156">
              <a:pos x="T72" y="T73"/>
            </a:cxn>
            <a:cxn ang="T157">
              <a:pos x="T74" y="T75"/>
            </a:cxn>
            <a:cxn ang="T158">
              <a:pos x="T76" y="T77"/>
            </a:cxn>
            <a:cxn ang="T159">
              <a:pos x="T78" y="T79"/>
            </a:cxn>
            <a:cxn ang="T160">
              <a:pos x="T80" y="T81"/>
            </a:cxn>
            <a:cxn ang="T161">
              <a:pos x="T82" y="T83"/>
            </a:cxn>
            <a:cxn ang="T162">
              <a:pos x="T84" y="T85"/>
            </a:cxn>
            <a:cxn ang="T163">
              <a:pos x="T86" y="T87"/>
            </a:cxn>
            <a:cxn ang="T164">
              <a:pos x="T88" y="T89"/>
            </a:cxn>
            <a:cxn ang="T165">
              <a:pos x="T90" y="T91"/>
            </a:cxn>
            <a:cxn ang="T166">
              <a:pos x="T92" y="T93"/>
            </a:cxn>
            <a:cxn ang="T167">
              <a:pos x="T94" y="T95"/>
            </a:cxn>
            <a:cxn ang="T168">
              <a:pos x="T96" y="T97"/>
            </a:cxn>
            <a:cxn ang="T169">
              <a:pos x="T98" y="T99"/>
            </a:cxn>
            <a:cxn ang="T170">
              <a:pos x="T100" y="T101"/>
            </a:cxn>
            <a:cxn ang="T171">
              <a:pos x="T102" y="T103"/>
            </a:cxn>
            <a:cxn ang="T172">
              <a:pos x="T104" y="T105"/>
            </a:cxn>
            <a:cxn ang="T173">
              <a:pos x="T106" y="T107"/>
            </a:cxn>
            <a:cxn ang="T174">
              <a:pos x="T108" y="T109"/>
            </a:cxn>
            <a:cxn ang="T175">
              <a:pos x="T110" y="T111"/>
            </a:cxn>
            <a:cxn ang="T176">
              <a:pos x="T112" y="T113"/>
            </a:cxn>
            <a:cxn ang="T177">
              <a:pos x="T114" y="T115"/>
            </a:cxn>
            <a:cxn ang="T178">
              <a:pos x="T116" y="T117"/>
            </a:cxn>
            <a:cxn ang="T179">
              <a:pos x="T118" y="T119"/>
            </a:cxn>
          </a:cxnLst>
          <a:rect l="T180" t="T181" r="T182" b="T183"/>
          <a:pathLst>
            <a:path w="16384" h="16384">
              <a:moveTo>
                <a:pt x="9102" y="14908"/>
              </a:moveTo>
              <a:lnTo>
                <a:pt x="8698" y="15941"/>
              </a:lnTo>
              <a:lnTo>
                <a:pt x="8091" y="15941"/>
              </a:lnTo>
              <a:lnTo>
                <a:pt x="7484" y="16384"/>
              </a:lnTo>
              <a:lnTo>
                <a:pt x="6877" y="16236"/>
              </a:lnTo>
              <a:lnTo>
                <a:pt x="6270" y="16236"/>
              </a:lnTo>
              <a:lnTo>
                <a:pt x="5057" y="16236"/>
              </a:lnTo>
              <a:lnTo>
                <a:pt x="3843" y="16384"/>
              </a:lnTo>
              <a:lnTo>
                <a:pt x="3236" y="16236"/>
              </a:lnTo>
              <a:lnTo>
                <a:pt x="1416" y="16384"/>
              </a:lnTo>
              <a:lnTo>
                <a:pt x="405" y="16236"/>
              </a:lnTo>
              <a:lnTo>
                <a:pt x="202" y="15646"/>
              </a:lnTo>
              <a:lnTo>
                <a:pt x="0" y="14760"/>
              </a:lnTo>
              <a:lnTo>
                <a:pt x="202" y="13580"/>
              </a:lnTo>
              <a:lnTo>
                <a:pt x="405" y="12842"/>
              </a:lnTo>
              <a:lnTo>
                <a:pt x="607" y="11956"/>
              </a:lnTo>
              <a:lnTo>
                <a:pt x="1011" y="10775"/>
              </a:lnTo>
              <a:lnTo>
                <a:pt x="1214" y="9594"/>
              </a:lnTo>
              <a:lnTo>
                <a:pt x="1214" y="8413"/>
              </a:lnTo>
              <a:lnTo>
                <a:pt x="809" y="7823"/>
              </a:lnTo>
              <a:lnTo>
                <a:pt x="607" y="7233"/>
              </a:lnTo>
              <a:lnTo>
                <a:pt x="405" y="6347"/>
              </a:lnTo>
              <a:lnTo>
                <a:pt x="809" y="5609"/>
              </a:lnTo>
              <a:lnTo>
                <a:pt x="1618" y="4723"/>
              </a:lnTo>
              <a:lnTo>
                <a:pt x="2630" y="3542"/>
              </a:lnTo>
              <a:lnTo>
                <a:pt x="2832" y="2362"/>
              </a:lnTo>
              <a:lnTo>
                <a:pt x="2832" y="1624"/>
              </a:lnTo>
              <a:lnTo>
                <a:pt x="4450" y="1328"/>
              </a:lnTo>
              <a:lnTo>
                <a:pt x="5461" y="1181"/>
              </a:lnTo>
              <a:lnTo>
                <a:pt x="6068" y="1328"/>
              </a:lnTo>
              <a:lnTo>
                <a:pt x="6877" y="738"/>
              </a:lnTo>
              <a:lnTo>
                <a:pt x="8293" y="886"/>
              </a:lnTo>
              <a:lnTo>
                <a:pt x="9304" y="1033"/>
              </a:lnTo>
              <a:lnTo>
                <a:pt x="10316" y="1181"/>
              </a:lnTo>
              <a:lnTo>
                <a:pt x="10720" y="1624"/>
              </a:lnTo>
              <a:lnTo>
                <a:pt x="11529" y="1771"/>
              </a:lnTo>
              <a:lnTo>
                <a:pt x="12136" y="1624"/>
              </a:lnTo>
              <a:lnTo>
                <a:pt x="12541" y="1771"/>
              </a:lnTo>
              <a:lnTo>
                <a:pt x="14361" y="590"/>
              </a:lnTo>
              <a:lnTo>
                <a:pt x="15575" y="0"/>
              </a:lnTo>
              <a:lnTo>
                <a:pt x="16182" y="738"/>
              </a:lnTo>
              <a:lnTo>
                <a:pt x="16384" y="1476"/>
              </a:lnTo>
              <a:lnTo>
                <a:pt x="16384" y="2066"/>
              </a:lnTo>
              <a:lnTo>
                <a:pt x="12743" y="2362"/>
              </a:lnTo>
              <a:lnTo>
                <a:pt x="12541" y="1919"/>
              </a:lnTo>
              <a:lnTo>
                <a:pt x="11732" y="2214"/>
              </a:lnTo>
              <a:lnTo>
                <a:pt x="11529" y="2952"/>
              </a:lnTo>
              <a:lnTo>
                <a:pt x="10923" y="3542"/>
              </a:lnTo>
              <a:lnTo>
                <a:pt x="10114" y="4281"/>
              </a:lnTo>
              <a:lnTo>
                <a:pt x="9709" y="4428"/>
              </a:lnTo>
              <a:lnTo>
                <a:pt x="8900" y="5757"/>
              </a:lnTo>
              <a:lnTo>
                <a:pt x="8091" y="6052"/>
              </a:lnTo>
              <a:lnTo>
                <a:pt x="8091" y="6347"/>
              </a:lnTo>
              <a:lnTo>
                <a:pt x="8900" y="6790"/>
              </a:lnTo>
              <a:lnTo>
                <a:pt x="9102" y="7675"/>
              </a:lnTo>
              <a:lnTo>
                <a:pt x="9709" y="9299"/>
              </a:lnTo>
              <a:lnTo>
                <a:pt x="9709" y="10185"/>
              </a:lnTo>
              <a:lnTo>
                <a:pt x="9304" y="11661"/>
              </a:lnTo>
              <a:lnTo>
                <a:pt x="9102" y="12842"/>
              </a:lnTo>
              <a:lnTo>
                <a:pt x="9102" y="14908"/>
              </a:lnTo>
              <a:close/>
            </a:path>
          </a:pathLst>
        </a:custGeom>
        <a:pattFill prst="smGrid">
          <a:fgClr>
            <a:srgbClr val="000000"/>
          </a:fgClr>
          <a:bgClr>
            <a:srgbClr val="FFFFFF"/>
          </a:bgClr>
        </a:pattFill>
        <a:ln w="9525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8</xdr:col>
      <xdr:colOff>406400</xdr:colOff>
      <xdr:row>16</xdr:row>
      <xdr:rowOff>85725</xdr:rowOff>
    </xdr:from>
    <xdr:to>
      <xdr:col>9</xdr:col>
      <xdr:colOff>520700</xdr:colOff>
      <xdr:row>20</xdr:row>
      <xdr:rowOff>104775</xdr:rowOff>
    </xdr:to>
    <xdr:sp macro="" textlink="">
      <xdr:nvSpPr>
        <xdr:cNvPr id="16" name="d14216" descr="格子 (小)">
          <a:extLst>
            <a:ext uri="{FF2B5EF4-FFF2-40B4-BE49-F238E27FC236}">
              <a16:creationId xmlns:a16="http://schemas.microsoft.com/office/drawing/2014/main" id="{00000000-0008-0000-0200-000010000000}"/>
            </a:ext>
          </a:extLst>
        </xdr:cNvPr>
        <xdr:cNvSpPr>
          <a:spLocks/>
        </xdr:cNvSpPr>
      </xdr:nvSpPr>
      <xdr:spPr bwMode="auto">
        <a:xfrm>
          <a:off x="4775200" y="3768725"/>
          <a:ext cx="660400" cy="62865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0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0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w 16384"/>
            <a:gd name="T124" fmla="*/ 0 h 16384"/>
            <a:gd name="T125" fmla="*/ 16384 w 16384"/>
            <a:gd name="T126" fmla="*/ 16384 h 16384"/>
          </a:gdLst>
          <a:ahLst/>
          <a:cxnLst>
            <a:cxn ang="T82">
              <a:pos x="T0" y="T1"/>
            </a:cxn>
            <a:cxn ang="T83">
              <a:pos x="T2" y="T3"/>
            </a:cxn>
            <a:cxn ang="T84">
              <a:pos x="T4" y="T5"/>
            </a:cxn>
            <a:cxn ang="T85">
              <a:pos x="T6" y="T7"/>
            </a:cxn>
            <a:cxn ang="T86">
              <a:pos x="T8" y="T9"/>
            </a:cxn>
            <a:cxn ang="T87">
              <a:pos x="T10" y="T11"/>
            </a:cxn>
            <a:cxn ang="T88">
              <a:pos x="T12" y="T13"/>
            </a:cxn>
            <a:cxn ang="T89">
              <a:pos x="T14" y="T15"/>
            </a:cxn>
            <a:cxn ang="T90">
              <a:pos x="T16" y="T17"/>
            </a:cxn>
            <a:cxn ang="T91">
              <a:pos x="T18" y="T19"/>
            </a:cxn>
            <a:cxn ang="T92">
              <a:pos x="T20" y="T21"/>
            </a:cxn>
            <a:cxn ang="T93">
              <a:pos x="T22" y="T23"/>
            </a:cxn>
            <a:cxn ang="T94">
              <a:pos x="T24" y="T25"/>
            </a:cxn>
            <a:cxn ang="T95">
              <a:pos x="T26" y="T27"/>
            </a:cxn>
            <a:cxn ang="T96">
              <a:pos x="T28" y="T29"/>
            </a:cxn>
            <a:cxn ang="T97">
              <a:pos x="T30" y="T31"/>
            </a:cxn>
            <a:cxn ang="T98">
              <a:pos x="T32" y="T33"/>
            </a:cxn>
            <a:cxn ang="T99">
              <a:pos x="T34" y="T35"/>
            </a:cxn>
            <a:cxn ang="T100">
              <a:pos x="T36" y="T37"/>
            </a:cxn>
            <a:cxn ang="T101">
              <a:pos x="T38" y="T39"/>
            </a:cxn>
            <a:cxn ang="T102">
              <a:pos x="T40" y="T41"/>
            </a:cxn>
            <a:cxn ang="T103">
              <a:pos x="T42" y="T43"/>
            </a:cxn>
            <a:cxn ang="T104">
              <a:pos x="T44" y="T45"/>
            </a:cxn>
            <a:cxn ang="T105">
              <a:pos x="T46" y="T47"/>
            </a:cxn>
            <a:cxn ang="T106">
              <a:pos x="T48" y="T49"/>
            </a:cxn>
            <a:cxn ang="T107">
              <a:pos x="T50" y="T51"/>
            </a:cxn>
            <a:cxn ang="T108">
              <a:pos x="T52" y="T53"/>
            </a:cxn>
            <a:cxn ang="T109">
              <a:pos x="T54" y="T55"/>
            </a:cxn>
            <a:cxn ang="T110">
              <a:pos x="T56" y="T57"/>
            </a:cxn>
            <a:cxn ang="T111">
              <a:pos x="T58" y="T59"/>
            </a:cxn>
            <a:cxn ang="T112">
              <a:pos x="T60" y="T61"/>
            </a:cxn>
            <a:cxn ang="T113">
              <a:pos x="T62" y="T63"/>
            </a:cxn>
            <a:cxn ang="T114">
              <a:pos x="T64" y="T65"/>
            </a:cxn>
            <a:cxn ang="T115">
              <a:pos x="T66" y="T67"/>
            </a:cxn>
            <a:cxn ang="T116">
              <a:pos x="T68" y="T69"/>
            </a:cxn>
            <a:cxn ang="T117">
              <a:pos x="T70" y="T71"/>
            </a:cxn>
            <a:cxn ang="T118">
              <a:pos x="T72" y="T73"/>
            </a:cxn>
            <a:cxn ang="T119">
              <a:pos x="T74" y="T75"/>
            </a:cxn>
            <a:cxn ang="T120">
              <a:pos x="T76" y="T77"/>
            </a:cxn>
            <a:cxn ang="T121">
              <a:pos x="T78" y="T79"/>
            </a:cxn>
            <a:cxn ang="T122">
              <a:pos x="T80" y="T81"/>
            </a:cxn>
          </a:cxnLst>
          <a:rect l="T123" t="T124" r="T125" b="T126"/>
          <a:pathLst>
            <a:path w="16384" h="16384">
              <a:moveTo>
                <a:pt x="14228" y="2482"/>
              </a:moveTo>
              <a:lnTo>
                <a:pt x="14444" y="3724"/>
              </a:lnTo>
              <a:lnTo>
                <a:pt x="14875" y="5710"/>
              </a:lnTo>
              <a:lnTo>
                <a:pt x="16168" y="10178"/>
              </a:lnTo>
              <a:lnTo>
                <a:pt x="16384" y="11916"/>
              </a:lnTo>
              <a:lnTo>
                <a:pt x="15306" y="13405"/>
              </a:lnTo>
              <a:lnTo>
                <a:pt x="14013" y="14398"/>
              </a:lnTo>
              <a:lnTo>
                <a:pt x="12072" y="16384"/>
              </a:lnTo>
              <a:lnTo>
                <a:pt x="11641" y="16136"/>
              </a:lnTo>
              <a:lnTo>
                <a:pt x="10995" y="16384"/>
              </a:lnTo>
              <a:lnTo>
                <a:pt x="10132" y="16136"/>
              </a:lnTo>
              <a:lnTo>
                <a:pt x="9701" y="15391"/>
              </a:lnTo>
              <a:lnTo>
                <a:pt x="8623" y="15143"/>
              </a:lnTo>
              <a:lnTo>
                <a:pt x="7545" y="14895"/>
              </a:lnTo>
              <a:lnTo>
                <a:pt x="6036" y="14646"/>
              </a:lnTo>
              <a:lnTo>
                <a:pt x="5174" y="15639"/>
              </a:lnTo>
              <a:lnTo>
                <a:pt x="4527" y="15391"/>
              </a:lnTo>
              <a:lnTo>
                <a:pt x="3449" y="15639"/>
              </a:lnTo>
              <a:lnTo>
                <a:pt x="1725" y="16136"/>
              </a:lnTo>
              <a:lnTo>
                <a:pt x="1509" y="15143"/>
              </a:lnTo>
              <a:lnTo>
                <a:pt x="1293" y="13653"/>
              </a:lnTo>
              <a:lnTo>
                <a:pt x="647" y="12412"/>
              </a:lnTo>
              <a:lnTo>
                <a:pt x="216" y="11419"/>
              </a:lnTo>
              <a:lnTo>
                <a:pt x="216" y="10178"/>
              </a:lnTo>
              <a:lnTo>
                <a:pt x="0" y="9185"/>
              </a:lnTo>
              <a:lnTo>
                <a:pt x="216" y="7944"/>
              </a:lnTo>
              <a:lnTo>
                <a:pt x="647" y="7944"/>
              </a:lnTo>
              <a:lnTo>
                <a:pt x="1725" y="7944"/>
              </a:lnTo>
              <a:lnTo>
                <a:pt x="3449" y="8192"/>
              </a:lnTo>
              <a:lnTo>
                <a:pt x="4527" y="7199"/>
              </a:lnTo>
              <a:lnTo>
                <a:pt x="5174" y="5958"/>
              </a:lnTo>
              <a:lnTo>
                <a:pt x="6467" y="5710"/>
              </a:lnTo>
              <a:lnTo>
                <a:pt x="7976" y="5461"/>
              </a:lnTo>
              <a:lnTo>
                <a:pt x="8623" y="4220"/>
              </a:lnTo>
              <a:lnTo>
                <a:pt x="9917" y="2482"/>
              </a:lnTo>
              <a:lnTo>
                <a:pt x="11210" y="745"/>
              </a:lnTo>
              <a:lnTo>
                <a:pt x="12072" y="0"/>
              </a:lnTo>
              <a:lnTo>
                <a:pt x="13150" y="248"/>
              </a:lnTo>
              <a:lnTo>
                <a:pt x="14013" y="993"/>
              </a:lnTo>
              <a:lnTo>
                <a:pt x="14013" y="2234"/>
              </a:lnTo>
              <a:lnTo>
                <a:pt x="14228" y="2482"/>
              </a:lnTo>
              <a:close/>
            </a:path>
          </a:pathLst>
        </a:custGeom>
        <a:pattFill prst="smGrid">
          <a:fgClr>
            <a:srgbClr val="000000"/>
          </a:fgClr>
          <a:bgClr>
            <a:srgbClr val="FFFFFF"/>
          </a:bgClr>
        </a:pattFill>
        <a:ln w="9525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1</xdr:col>
      <xdr:colOff>438150</xdr:colOff>
      <xdr:row>31</xdr:row>
      <xdr:rowOff>9525</xdr:rowOff>
    </xdr:from>
    <xdr:to>
      <xdr:col>4</xdr:col>
      <xdr:colOff>104775</xdr:colOff>
      <xdr:row>38</xdr:row>
      <xdr:rowOff>28575</xdr:rowOff>
    </xdr:to>
    <xdr:sp macro="" textlink="">
      <xdr:nvSpPr>
        <xdr:cNvPr id="17" name="d14217">
          <a:extLst>
            <a:ext uri="{FF2B5EF4-FFF2-40B4-BE49-F238E27FC236}">
              <a16:creationId xmlns:a16="http://schemas.microsoft.com/office/drawing/2014/main" id="{00000000-0008-0000-0200-000011000000}"/>
            </a:ext>
          </a:extLst>
        </xdr:cNvPr>
        <xdr:cNvSpPr>
          <a:spLocks/>
        </xdr:cNvSpPr>
      </xdr:nvSpPr>
      <xdr:spPr bwMode="auto">
        <a:xfrm>
          <a:off x="1047750" y="5981700"/>
          <a:ext cx="1495425" cy="108585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0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0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2147483646 h 16384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w 16384"/>
            <a:gd name="T154" fmla="*/ 0 h 16384"/>
            <a:gd name="T155" fmla="*/ 16384 w 16384"/>
            <a:gd name="T156" fmla="*/ 16384 h 16384"/>
          </a:gdLst>
          <a:ahLst/>
          <a:cxnLst>
            <a:cxn ang="T102">
              <a:pos x="T0" y="T1"/>
            </a:cxn>
            <a:cxn ang="T103">
              <a:pos x="T2" y="T3"/>
            </a:cxn>
            <a:cxn ang="T104">
              <a:pos x="T4" y="T5"/>
            </a:cxn>
            <a:cxn ang="T105">
              <a:pos x="T6" y="T7"/>
            </a:cxn>
            <a:cxn ang="T106">
              <a:pos x="T8" y="T9"/>
            </a:cxn>
            <a:cxn ang="T107">
              <a:pos x="T10" y="T11"/>
            </a:cxn>
            <a:cxn ang="T108">
              <a:pos x="T12" y="T13"/>
            </a:cxn>
            <a:cxn ang="T109">
              <a:pos x="T14" y="T15"/>
            </a:cxn>
            <a:cxn ang="T110">
              <a:pos x="T16" y="T17"/>
            </a:cxn>
            <a:cxn ang="T111">
              <a:pos x="T18" y="T19"/>
            </a:cxn>
            <a:cxn ang="T112">
              <a:pos x="T20" y="T21"/>
            </a:cxn>
            <a:cxn ang="T113">
              <a:pos x="T22" y="T23"/>
            </a:cxn>
            <a:cxn ang="T114">
              <a:pos x="T24" y="T25"/>
            </a:cxn>
            <a:cxn ang="T115">
              <a:pos x="T26" y="T27"/>
            </a:cxn>
            <a:cxn ang="T116">
              <a:pos x="T28" y="T29"/>
            </a:cxn>
            <a:cxn ang="T117">
              <a:pos x="T30" y="T31"/>
            </a:cxn>
            <a:cxn ang="T118">
              <a:pos x="T32" y="T33"/>
            </a:cxn>
            <a:cxn ang="T119">
              <a:pos x="T34" y="T35"/>
            </a:cxn>
            <a:cxn ang="T120">
              <a:pos x="T36" y="T37"/>
            </a:cxn>
            <a:cxn ang="T121">
              <a:pos x="T38" y="T39"/>
            </a:cxn>
            <a:cxn ang="T122">
              <a:pos x="T40" y="T41"/>
            </a:cxn>
            <a:cxn ang="T123">
              <a:pos x="T42" y="T43"/>
            </a:cxn>
            <a:cxn ang="T124">
              <a:pos x="T44" y="T45"/>
            </a:cxn>
            <a:cxn ang="T125">
              <a:pos x="T46" y="T47"/>
            </a:cxn>
            <a:cxn ang="T126">
              <a:pos x="T48" y="T49"/>
            </a:cxn>
            <a:cxn ang="T127">
              <a:pos x="T50" y="T51"/>
            </a:cxn>
            <a:cxn ang="T128">
              <a:pos x="T52" y="T53"/>
            </a:cxn>
            <a:cxn ang="T129">
              <a:pos x="T54" y="T55"/>
            </a:cxn>
            <a:cxn ang="T130">
              <a:pos x="T56" y="T57"/>
            </a:cxn>
            <a:cxn ang="T131">
              <a:pos x="T58" y="T59"/>
            </a:cxn>
            <a:cxn ang="T132">
              <a:pos x="T60" y="T61"/>
            </a:cxn>
            <a:cxn ang="T133">
              <a:pos x="T62" y="T63"/>
            </a:cxn>
            <a:cxn ang="T134">
              <a:pos x="T64" y="T65"/>
            </a:cxn>
            <a:cxn ang="T135">
              <a:pos x="T66" y="T67"/>
            </a:cxn>
            <a:cxn ang="T136">
              <a:pos x="T68" y="T69"/>
            </a:cxn>
            <a:cxn ang="T137">
              <a:pos x="T70" y="T71"/>
            </a:cxn>
            <a:cxn ang="T138">
              <a:pos x="T72" y="T73"/>
            </a:cxn>
            <a:cxn ang="T139">
              <a:pos x="T74" y="T75"/>
            </a:cxn>
            <a:cxn ang="T140">
              <a:pos x="T76" y="T77"/>
            </a:cxn>
            <a:cxn ang="T141">
              <a:pos x="T78" y="T79"/>
            </a:cxn>
            <a:cxn ang="T142">
              <a:pos x="T80" y="T81"/>
            </a:cxn>
            <a:cxn ang="T143">
              <a:pos x="T82" y="T83"/>
            </a:cxn>
            <a:cxn ang="T144">
              <a:pos x="T84" y="T85"/>
            </a:cxn>
            <a:cxn ang="T145">
              <a:pos x="T86" y="T87"/>
            </a:cxn>
            <a:cxn ang="T146">
              <a:pos x="T88" y="T89"/>
            </a:cxn>
            <a:cxn ang="T147">
              <a:pos x="T90" y="T91"/>
            </a:cxn>
            <a:cxn ang="T148">
              <a:pos x="T92" y="T93"/>
            </a:cxn>
            <a:cxn ang="T149">
              <a:pos x="T94" y="T95"/>
            </a:cxn>
            <a:cxn ang="T150">
              <a:pos x="T96" y="T97"/>
            </a:cxn>
            <a:cxn ang="T151">
              <a:pos x="T98" y="T99"/>
            </a:cxn>
            <a:cxn ang="T152">
              <a:pos x="T100" y="T101"/>
            </a:cxn>
          </a:cxnLst>
          <a:rect l="T153" t="T154" r="T155" b="T156"/>
          <a:pathLst>
            <a:path w="16384" h="16384">
              <a:moveTo>
                <a:pt x="16069" y="7486"/>
              </a:moveTo>
              <a:lnTo>
                <a:pt x="16279" y="8051"/>
              </a:lnTo>
              <a:lnTo>
                <a:pt x="16384" y="8333"/>
              </a:lnTo>
              <a:lnTo>
                <a:pt x="16069" y="8757"/>
              </a:lnTo>
              <a:lnTo>
                <a:pt x="15964" y="9181"/>
              </a:lnTo>
              <a:lnTo>
                <a:pt x="16069" y="9604"/>
              </a:lnTo>
              <a:lnTo>
                <a:pt x="16174" y="10311"/>
              </a:lnTo>
              <a:lnTo>
                <a:pt x="16174" y="10452"/>
              </a:lnTo>
              <a:lnTo>
                <a:pt x="16384" y="11723"/>
              </a:lnTo>
              <a:lnTo>
                <a:pt x="16069" y="11864"/>
              </a:lnTo>
              <a:lnTo>
                <a:pt x="16174" y="12288"/>
              </a:lnTo>
              <a:lnTo>
                <a:pt x="16069" y="12712"/>
              </a:lnTo>
              <a:lnTo>
                <a:pt x="15859" y="13277"/>
              </a:lnTo>
              <a:lnTo>
                <a:pt x="15439" y="13418"/>
              </a:lnTo>
              <a:lnTo>
                <a:pt x="14914" y="13277"/>
              </a:lnTo>
              <a:lnTo>
                <a:pt x="14599" y="13418"/>
              </a:lnTo>
              <a:lnTo>
                <a:pt x="14599" y="13842"/>
              </a:lnTo>
              <a:lnTo>
                <a:pt x="14704" y="14548"/>
              </a:lnTo>
              <a:lnTo>
                <a:pt x="14073" y="14830"/>
              </a:lnTo>
              <a:lnTo>
                <a:pt x="13758" y="14830"/>
              </a:lnTo>
              <a:lnTo>
                <a:pt x="13023" y="14972"/>
              </a:lnTo>
              <a:lnTo>
                <a:pt x="10923" y="15113"/>
              </a:lnTo>
              <a:lnTo>
                <a:pt x="10713" y="15537"/>
              </a:lnTo>
              <a:lnTo>
                <a:pt x="9872" y="15678"/>
              </a:lnTo>
              <a:lnTo>
                <a:pt x="9137" y="16102"/>
              </a:lnTo>
              <a:lnTo>
                <a:pt x="8717" y="16243"/>
              </a:lnTo>
              <a:lnTo>
                <a:pt x="7877" y="16102"/>
              </a:lnTo>
              <a:lnTo>
                <a:pt x="7142" y="16384"/>
              </a:lnTo>
              <a:lnTo>
                <a:pt x="5881" y="14972"/>
              </a:lnTo>
              <a:lnTo>
                <a:pt x="5881" y="14407"/>
              </a:lnTo>
              <a:lnTo>
                <a:pt x="5461" y="14265"/>
              </a:lnTo>
              <a:lnTo>
                <a:pt x="4936" y="14548"/>
              </a:lnTo>
              <a:lnTo>
                <a:pt x="4726" y="14830"/>
              </a:lnTo>
              <a:lnTo>
                <a:pt x="4306" y="14972"/>
              </a:lnTo>
              <a:lnTo>
                <a:pt x="4096" y="15254"/>
              </a:lnTo>
              <a:lnTo>
                <a:pt x="3676" y="15537"/>
              </a:lnTo>
              <a:lnTo>
                <a:pt x="3361" y="15678"/>
              </a:lnTo>
              <a:lnTo>
                <a:pt x="3046" y="15395"/>
              </a:lnTo>
              <a:lnTo>
                <a:pt x="2836" y="15113"/>
              </a:lnTo>
              <a:lnTo>
                <a:pt x="2311" y="14689"/>
              </a:lnTo>
              <a:lnTo>
                <a:pt x="1890" y="14689"/>
              </a:lnTo>
              <a:lnTo>
                <a:pt x="1575" y="14830"/>
              </a:lnTo>
              <a:lnTo>
                <a:pt x="1575" y="14548"/>
              </a:lnTo>
              <a:lnTo>
                <a:pt x="1470" y="14265"/>
              </a:lnTo>
              <a:lnTo>
                <a:pt x="1050" y="14265"/>
              </a:lnTo>
              <a:lnTo>
                <a:pt x="840" y="13983"/>
              </a:lnTo>
              <a:lnTo>
                <a:pt x="840" y="13700"/>
              </a:lnTo>
              <a:lnTo>
                <a:pt x="525" y="13135"/>
              </a:lnTo>
              <a:lnTo>
                <a:pt x="0" y="12570"/>
              </a:lnTo>
              <a:lnTo>
                <a:pt x="0" y="12288"/>
              </a:lnTo>
              <a:lnTo>
                <a:pt x="210" y="11582"/>
              </a:lnTo>
              <a:lnTo>
                <a:pt x="210" y="10593"/>
              </a:lnTo>
              <a:lnTo>
                <a:pt x="420" y="10169"/>
              </a:lnTo>
              <a:lnTo>
                <a:pt x="525" y="9604"/>
              </a:lnTo>
              <a:lnTo>
                <a:pt x="630" y="8898"/>
              </a:lnTo>
              <a:lnTo>
                <a:pt x="840" y="8333"/>
              </a:lnTo>
              <a:lnTo>
                <a:pt x="735" y="7768"/>
              </a:lnTo>
              <a:lnTo>
                <a:pt x="1050" y="7203"/>
              </a:lnTo>
              <a:lnTo>
                <a:pt x="1260" y="6638"/>
              </a:lnTo>
              <a:lnTo>
                <a:pt x="1575" y="5932"/>
              </a:lnTo>
              <a:lnTo>
                <a:pt x="1785" y="5226"/>
              </a:lnTo>
              <a:lnTo>
                <a:pt x="1785" y="4378"/>
              </a:lnTo>
              <a:lnTo>
                <a:pt x="2101" y="3955"/>
              </a:lnTo>
              <a:lnTo>
                <a:pt x="2626" y="4096"/>
              </a:lnTo>
              <a:lnTo>
                <a:pt x="3046" y="4096"/>
              </a:lnTo>
              <a:lnTo>
                <a:pt x="3466" y="3955"/>
              </a:lnTo>
              <a:lnTo>
                <a:pt x="3361" y="3107"/>
              </a:lnTo>
              <a:lnTo>
                <a:pt x="3571" y="2684"/>
              </a:lnTo>
              <a:lnTo>
                <a:pt x="4096" y="2260"/>
              </a:lnTo>
              <a:lnTo>
                <a:pt x="4411" y="1554"/>
              </a:lnTo>
              <a:lnTo>
                <a:pt x="4831" y="1130"/>
              </a:lnTo>
              <a:lnTo>
                <a:pt x="5566" y="1130"/>
              </a:lnTo>
              <a:lnTo>
                <a:pt x="5776" y="989"/>
              </a:lnTo>
              <a:lnTo>
                <a:pt x="6091" y="282"/>
              </a:lnTo>
              <a:lnTo>
                <a:pt x="6512" y="141"/>
              </a:lnTo>
              <a:lnTo>
                <a:pt x="7142" y="141"/>
              </a:lnTo>
              <a:lnTo>
                <a:pt x="7352" y="424"/>
              </a:lnTo>
              <a:lnTo>
                <a:pt x="7877" y="847"/>
              </a:lnTo>
              <a:lnTo>
                <a:pt x="8717" y="1130"/>
              </a:lnTo>
              <a:lnTo>
                <a:pt x="9347" y="847"/>
              </a:lnTo>
              <a:lnTo>
                <a:pt x="9767" y="282"/>
              </a:lnTo>
              <a:lnTo>
                <a:pt x="10293" y="565"/>
              </a:lnTo>
              <a:lnTo>
                <a:pt x="10818" y="424"/>
              </a:lnTo>
              <a:lnTo>
                <a:pt x="11238" y="565"/>
              </a:lnTo>
              <a:lnTo>
                <a:pt x="11763" y="989"/>
              </a:lnTo>
              <a:lnTo>
                <a:pt x="12393" y="424"/>
              </a:lnTo>
              <a:lnTo>
                <a:pt x="12813" y="141"/>
              </a:lnTo>
              <a:lnTo>
                <a:pt x="13443" y="0"/>
              </a:lnTo>
              <a:lnTo>
                <a:pt x="13443" y="424"/>
              </a:lnTo>
              <a:lnTo>
                <a:pt x="13338" y="847"/>
              </a:lnTo>
              <a:lnTo>
                <a:pt x="13023" y="1412"/>
              </a:lnTo>
              <a:lnTo>
                <a:pt x="13338" y="2119"/>
              </a:lnTo>
              <a:lnTo>
                <a:pt x="13653" y="2401"/>
              </a:lnTo>
              <a:lnTo>
                <a:pt x="14073" y="2825"/>
              </a:lnTo>
              <a:lnTo>
                <a:pt x="14178" y="3390"/>
              </a:lnTo>
              <a:lnTo>
                <a:pt x="14283" y="4378"/>
              </a:lnTo>
              <a:lnTo>
                <a:pt x="14599" y="5367"/>
              </a:lnTo>
              <a:lnTo>
                <a:pt x="14809" y="6356"/>
              </a:lnTo>
              <a:lnTo>
                <a:pt x="14914" y="6638"/>
              </a:lnTo>
              <a:lnTo>
                <a:pt x="15334" y="6780"/>
              </a:lnTo>
              <a:lnTo>
                <a:pt x="15649" y="6921"/>
              </a:lnTo>
              <a:lnTo>
                <a:pt x="15754" y="7486"/>
              </a:lnTo>
              <a:lnTo>
                <a:pt x="16069" y="7486"/>
              </a:lnTo>
              <a:close/>
            </a:path>
          </a:pathLst>
        </a:custGeom>
        <a:solidFill>
          <a:srgbClr val="F7F4EE"/>
        </a:solidFill>
        <a:ln w="38100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9</xdr:col>
      <xdr:colOff>133350</xdr:colOff>
      <xdr:row>20</xdr:row>
      <xdr:rowOff>101600</xdr:rowOff>
    </xdr:from>
    <xdr:to>
      <xdr:col>10</xdr:col>
      <xdr:colOff>142875</xdr:colOff>
      <xdr:row>26</xdr:row>
      <xdr:rowOff>34925</xdr:rowOff>
    </xdr:to>
    <xdr:sp macro="" textlink="">
      <xdr:nvSpPr>
        <xdr:cNvPr id="18" name="d14218" descr="格子 (小)">
          <a:extLst>
            <a:ext uri="{FF2B5EF4-FFF2-40B4-BE49-F238E27FC236}">
              <a16:creationId xmlns:a16="http://schemas.microsoft.com/office/drawing/2014/main" id="{00000000-0008-0000-0200-000012000000}"/>
            </a:ext>
          </a:extLst>
        </xdr:cNvPr>
        <xdr:cNvSpPr>
          <a:spLocks/>
        </xdr:cNvSpPr>
      </xdr:nvSpPr>
      <xdr:spPr bwMode="auto">
        <a:xfrm>
          <a:off x="5048250" y="4394200"/>
          <a:ext cx="555625" cy="84772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0 w 16384"/>
            <a:gd name="T15" fmla="*/ 2147483646 h 16384"/>
            <a:gd name="T16" fmla="*/ 0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0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w 16384"/>
            <a:gd name="T133" fmla="*/ 0 h 16384"/>
            <a:gd name="T134" fmla="*/ 16384 w 16384"/>
            <a:gd name="T135" fmla="*/ 16384 h 16384"/>
          </a:gdLst>
          <a:ahLst/>
          <a:cxnLst>
            <a:cxn ang="T88">
              <a:pos x="T0" y="T1"/>
            </a:cxn>
            <a:cxn ang="T89">
              <a:pos x="T2" y="T3"/>
            </a:cxn>
            <a:cxn ang="T90">
              <a:pos x="T4" y="T5"/>
            </a:cxn>
            <a:cxn ang="T91">
              <a:pos x="T6" y="T7"/>
            </a:cxn>
            <a:cxn ang="T92">
              <a:pos x="T8" y="T9"/>
            </a:cxn>
            <a:cxn ang="T93">
              <a:pos x="T10" y="T11"/>
            </a:cxn>
            <a:cxn ang="T94">
              <a:pos x="T12" y="T13"/>
            </a:cxn>
            <a:cxn ang="T95">
              <a:pos x="T14" y="T15"/>
            </a:cxn>
            <a:cxn ang="T96">
              <a:pos x="T16" y="T17"/>
            </a:cxn>
            <a:cxn ang="T97">
              <a:pos x="T18" y="T19"/>
            </a:cxn>
            <a:cxn ang="T98">
              <a:pos x="T20" y="T21"/>
            </a:cxn>
            <a:cxn ang="T99">
              <a:pos x="T22" y="T23"/>
            </a:cxn>
            <a:cxn ang="T100">
              <a:pos x="T24" y="T25"/>
            </a:cxn>
            <a:cxn ang="T101">
              <a:pos x="T26" y="T27"/>
            </a:cxn>
            <a:cxn ang="T102">
              <a:pos x="T28" y="T29"/>
            </a:cxn>
            <a:cxn ang="T103">
              <a:pos x="T30" y="T31"/>
            </a:cxn>
            <a:cxn ang="T104">
              <a:pos x="T32" y="T33"/>
            </a:cxn>
            <a:cxn ang="T105">
              <a:pos x="T34" y="T35"/>
            </a:cxn>
            <a:cxn ang="T106">
              <a:pos x="T36" y="T37"/>
            </a:cxn>
            <a:cxn ang="T107">
              <a:pos x="T38" y="T39"/>
            </a:cxn>
            <a:cxn ang="T108">
              <a:pos x="T40" y="T41"/>
            </a:cxn>
            <a:cxn ang="T109">
              <a:pos x="T42" y="T43"/>
            </a:cxn>
            <a:cxn ang="T110">
              <a:pos x="T44" y="T45"/>
            </a:cxn>
            <a:cxn ang="T111">
              <a:pos x="T46" y="T47"/>
            </a:cxn>
            <a:cxn ang="T112">
              <a:pos x="T48" y="T49"/>
            </a:cxn>
            <a:cxn ang="T113">
              <a:pos x="T50" y="T51"/>
            </a:cxn>
            <a:cxn ang="T114">
              <a:pos x="T52" y="T53"/>
            </a:cxn>
            <a:cxn ang="T115">
              <a:pos x="T54" y="T55"/>
            </a:cxn>
            <a:cxn ang="T116">
              <a:pos x="T56" y="T57"/>
            </a:cxn>
            <a:cxn ang="T117">
              <a:pos x="T58" y="T59"/>
            </a:cxn>
            <a:cxn ang="T118">
              <a:pos x="T60" y="T61"/>
            </a:cxn>
            <a:cxn ang="T119">
              <a:pos x="T62" y="T63"/>
            </a:cxn>
            <a:cxn ang="T120">
              <a:pos x="T64" y="T65"/>
            </a:cxn>
            <a:cxn ang="T121">
              <a:pos x="T66" y="T67"/>
            </a:cxn>
            <a:cxn ang="T122">
              <a:pos x="T68" y="T69"/>
            </a:cxn>
            <a:cxn ang="T123">
              <a:pos x="T70" y="T71"/>
            </a:cxn>
            <a:cxn ang="T124">
              <a:pos x="T72" y="T73"/>
            </a:cxn>
            <a:cxn ang="T125">
              <a:pos x="T74" y="T75"/>
            </a:cxn>
            <a:cxn ang="T126">
              <a:pos x="T76" y="T77"/>
            </a:cxn>
            <a:cxn ang="T127">
              <a:pos x="T78" y="T79"/>
            </a:cxn>
            <a:cxn ang="T128">
              <a:pos x="T80" y="T81"/>
            </a:cxn>
            <a:cxn ang="T129">
              <a:pos x="T82" y="T83"/>
            </a:cxn>
            <a:cxn ang="T130">
              <a:pos x="T84" y="T85"/>
            </a:cxn>
            <a:cxn ang="T131">
              <a:pos x="T86" y="T87"/>
            </a:cxn>
          </a:cxnLst>
          <a:rect l="T132" t="T133" r="T134" b="T135"/>
          <a:pathLst>
            <a:path w="16384" h="16384">
              <a:moveTo>
                <a:pt x="1260" y="16200"/>
              </a:moveTo>
              <a:lnTo>
                <a:pt x="1260" y="13623"/>
              </a:lnTo>
              <a:lnTo>
                <a:pt x="1512" y="12150"/>
              </a:lnTo>
              <a:lnTo>
                <a:pt x="2016" y="10309"/>
              </a:lnTo>
              <a:lnTo>
                <a:pt x="2016" y="9204"/>
              </a:lnTo>
              <a:lnTo>
                <a:pt x="1260" y="7180"/>
              </a:lnTo>
              <a:lnTo>
                <a:pt x="1008" y="6075"/>
              </a:lnTo>
              <a:lnTo>
                <a:pt x="0" y="5523"/>
              </a:lnTo>
              <a:lnTo>
                <a:pt x="0" y="5155"/>
              </a:lnTo>
              <a:lnTo>
                <a:pt x="1008" y="4786"/>
              </a:lnTo>
              <a:lnTo>
                <a:pt x="2016" y="3130"/>
              </a:lnTo>
              <a:lnTo>
                <a:pt x="2521" y="2945"/>
              </a:lnTo>
              <a:lnTo>
                <a:pt x="3529" y="2025"/>
              </a:lnTo>
              <a:lnTo>
                <a:pt x="4285" y="1289"/>
              </a:lnTo>
              <a:lnTo>
                <a:pt x="4537" y="368"/>
              </a:lnTo>
              <a:lnTo>
                <a:pt x="5545" y="0"/>
              </a:lnTo>
              <a:lnTo>
                <a:pt x="5797" y="552"/>
              </a:lnTo>
              <a:lnTo>
                <a:pt x="10335" y="184"/>
              </a:lnTo>
              <a:lnTo>
                <a:pt x="14872" y="184"/>
              </a:lnTo>
              <a:lnTo>
                <a:pt x="14872" y="2209"/>
              </a:lnTo>
              <a:lnTo>
                <a:pt x="15628" y="2761"/>
              </a:lnTo>
              <a:lnTo>
                <a:pt x="16132" y="3682"/>
              </a:lnTo>
              <a:lnTo>
                <a:pt x="15880" y="4602"/>
              </a:lnTo>
              <a:lnTo>
                <a:pt x="15124" y="5155"/>
              </a:lnTo>
              <a:lnTo>
                <a:pt x="14368" y="6259"/>
              </a:lnTo>
              <a:lnTo>
                <a:pt x="14115" y="6443"/>
              </a:lnTo>
              <a:lnTo>
                <a:pt x="14368" y="7916"/>
              </a:lnTo>
              <a:lnTo>
                <a:pt x="14368" y="9020"/>
              </a:lnTo>
              <a:lnTo>
                <a:pt x="13863" y="10493"/>
              </a:lnTo>
              <a:lnTo>
                <a:pt x="12603" y="10861"/>
              </a:lnTo>
              <a:lnTo>
                <a:pt x="15376" y="12702"/>
              </a:lnTo>
              <a:lnTo>
                <a:pt x="16384" y="13623"/>
              </a:lnTo>
              <a:lnTo>
                <a:pt x="15376" y="15464"/>
              </a:lnTo>
              <a:lnTo>
                <a:pt x="13359" y="15464"/>
              </a:lnTo>
              <a:lnTo>
                <a:pt x="13611" y="16384"/>
              </a:lnTo>
              <a:lnTo>
                <a:pt x="12351" y="15832"/>
              </a:lnTo>
              <a:lnTo>
                <a:pt x="12099" y="14543"/>
              </a:lnTo>
              <a:lnTo>
                <a:pt x="11091" y="13807"/>
              </a:lnTo>
              <a:lnTo>
                <a:pt x="8822" y="13070"/>
              </a:lnTo>
              <a:lnTo>
                <a:pt x="6806" y="12886"/>
              </a:lnTo>
              <a:lnTo>
                <a:pt x="6806" y="13807"/>
              </a:lnTo>
              <a:lnTo>
                <a:pt x="3529" y="13070"/>
              </a:lnTo>
              <a:lnTo>
                <a:pt x="2521" y="14911"/>
              </a:lnTo>
              <a:lnTo>
                <a:pt x="1260" y="16200"/>
              </a:lnTo>
              <a:close/>
            </a:path>
          </a:pathLst>
        </a:custGeom>
        <a:pattFill prst="smGrid">
          <a:fgClr>
            <a:srgbClr val="000000"/>
          </a:fgClr>
          <a:bgClr>
            <a:srgbClr val="FFFFFF"/>
          </a:bgClr>
        </a:pattFill>
        <a:ln w="9525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12</xdr:col>
      <xdr:colOff>180975</xdr:colOff>
      <xdr:row>36</xdr:row>
      <xdr:rowOff>98425</xdr:rowOff>
    </xdr:from>
    <xdr:to>
      <xdr:col>13</xdr:col>
      <xdr:colOff>419100</xdr:colOff>
      <xdr:row>40</xdr:row>
      <xdr:rowOff>3175</xdr:rowOff>
    </xdr:to>
    <xdr:sp macro="" textlink="">
      <xdr:nvSpPr>
        <xdr:cNvPr id="19" name="d14301">
          <a:extLst>
            <a:ext uri="{FF2B5EF4-FFF2-40B4-BE49-F238E27FC236}">
              <a16:creationId xmlns:a16="http://schemas.microsoft.com/office/drawing/2014/main" id="{00000000-0008-0000-0200-000013000000}"/>
            </a:ext>
          </a:extLst>
        </xdr:cNvPr>
        <xdr:cNvSpPr>
          <a:spLocks/>
        </xdr:cNvSpPr>
      </xdr:nvSpPr>
      <xdr:spPr bwMode="auto">
        <a:xfrm>
          <a:off x="6734175" y="6829425"/>
          <a:ext cx="784225" cy="51435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0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w 16384"/>
            <a:gd name="T115" fmla="*/ 0 h 16384"/>
            <a:gd name="T116" fmla="*/ 16384 w 16384"/>
            <a:gd name="T117" fmla="*/ 16384 h 16384"/>
          </a:gdLst>
          <a:ahLst/>
          <a:cxnLst>
            <a:cxn ang="T76">
              <a:pos x="T0" y="T1"/>
            </a:cxn>
            <a:cxn ang="T77">
              <a:pos x="T2" y="T3"/>
            </a:cxn>
            <a:cxn ang="T78">
              <a:pos x="T4" y="T5"/>
            </a:cxn>
            <a:cxn ang="T79">
              <a:pos x="T6" y="T7"/>
            </a:cxn>
            <a:cxn ang="T80">
              <a:pos x="T8" y="T9"/>
            </a:cxn>
            <a:cxn ang="T81">
              <a:pos x="T10" y="T11"/>
            </a:cxn>
            <a:cxn ang="T82">
              <a:pos x="T12" y="T13"/>
            </a:cxn>
            <a:cxn ang="T83">
              <a:pos x="T14" y="T15"/>
            </a:cxn>
            <a:cxn ang="T84">
              <a:pos x="T16" y="T17"/>
            </a:cxn>
            <a:cxn ang="T85">
              <a:pos x="T18" y="T19"/>
            </a:cxn>
            <a:cxn ang="T86">
              <a:pos x="T20" y="T21"/>
            </a:cxn>
            <a:cxn ang="T87">
              <a:pos x="T22" y="T23"/>
            </a:cxn>
            <a:cxn ang="T88">
              <a:pos x="T24" y="T25"/>
            </a:cxn>
            <a:cxn ang="T89">
              <a:pos x="T26" y="T27"/>
            </a:cxn>
            <a:cxn ang="T90">
              <a:pos x="T28" y="T29"/>
            </a:cxn>
            <a:cxn ang="T91">
              <a:pos x="T30" y="T31"/>
            </a:cxn>
            <a:cxn ang="T92">
              <a:pos x="T32" y="T33"/>
            </a:cxn>
            <a:cxn ang="T93">
              <a:pos x="T34" y="T35"/>
            </a:cxn>
            <a:cxn ang="T94">
              <a:pos x="T36" y="T37"/>
            </a:cxn>
            <a:cxn ang="T95">
              <a:pos x="T38" y="T39"/>
            </a:cxn>
            <a:cxn ang="T96">
              <a:pos x="T40" y="T41"/>
            </a:cxn>
            <a:cxn ang="T97">
              <a:pos x="T42" y="T43"/>
            </a:cxn>
            <a:cxn ang="T98">
              <a:pos x="T44" y="T45"/>
            </a:cxn>
            <a:cxn ang="T99">
              <a:pos x="T46" y="T47"/>
            </a:cxn>
            <a:cxn ang="T100">
              <a:pos x="T48" y="T49"/>
            </a:cxn>
            <a:cxn ang="T101">
              <a:pos x="T50" y="T51"/>
            </a:cxn>
            <a:cxn ang="T102">
              <a:pos x="T52" y="T53"/>
            </a:cxn>
            <a:cxn ang="T103">
              <a:pos x="T54" y="T55"/>
            </a:cxn>
            <a:cxn ang="T104">
              <a:pos x="T56" y="T57"/>
            </a:cxn>
            <a:cxn ang="T105">
              <a:pos x="T58" y="T59"/>
            </a:cxn>
            <a:cxn ang="T106">
              <a:pos x="T60" y="T61"/>
            </a:cxn>
            <a:cxn ang="T107">
              <a:pos x="T62" y="T63"/>
            </a:cxn>
            <a:cxn ang="T108">
              <a:pos x="T64" y="T65"/>
            </a:cxn>
            <a:cxn ang="T109">
              <a:pos x="T66" y="T67"/>
            </a:cxn>
            <a:cxn ang="T110">
              <a:pos x="T68" y="T69"/>
            </a:cxn>
            <a:cxn ang="T111">
              <a:pos x="T70" y="T71"/>
            </a:cxn>
            <a:cxn ang="T112">
              <a:pos x="T72" y="T73"/>
            </a:cxn>
            <a:cxn ang="T113">
              <a:pos x="T74" y="T75"/>
            </a:cxn>
          </a:cxnLst>
          <a:rect l="T114" t="T115" r="T116" b="T117"/>
          <a:pathLst>
            <a:path w="16384" h="16384">
              <a:moveTo>
                <a:pt x="12518" y="5559"/>
              </a:moveTo>
              <a:lnTo>
                <a:pt x="13070" y="5266"/>
              </a:lnTo>
              <a:lnTo>
                <a:pt x="13807" y="6729"/>
              </a:lnTo>
              <a:lnTo>
                <a:pt x="14911" y="7607"/>
              </a:lnTo>
              <a:lnTo>
                <a:pt x="15648" y="7899"/>
              </a:lnTo>
              <a:lnTo>
                <a:pt x="16384" y="7899"/>
              </a:lnTo>
              <a:lnTo>
                <a:pt x="16384" y="8485"/>
              </a:lnTo>
              <a:lnTo>
                <a:pt x="15832" y="9070"/>
              </a:lnTo>
              <a:lnTo>
                <a:pt x="15832" y="10533"/>
              </a:lnTo>
              <a:lnTo>
                <a:pt x="16200" y="11995"/>
              </a:lnTo>
              <a:lnTo>
                <a:pt x="16016" y="13166"/>
              </a:lnTo>
              <a:lnTo>
                <a:pt x="15279" y="12873"/>
              </a:lnTo>
              <a:lnTo>
                <a:pt x="14359" y="13458"/>
              </a:lnTo>
              <a:lnTo>
                <a:pt x="13807" y="14043"/>
              </a:lnTo>
              <a:lnTo>
                <a:pt x="13439" y="14336"/>
              </a:lnTo>
              <a:lnTo>
                <a:pt x="13254" y="15214"/>
              </a:lnTo>
              <a:lnTo>
                <a:pt x="12702" y="15214"/>
              </a:lnTo>
              <a:lnTo>
                <a:pt x="11966" y="14629"/>
              </a:lnTo>
              <a:lnTo>
                <a:pt x="11782" y="13458"/>
              </a:lnTo>
              <a:lnTo>
                <a:pt x="11414" y="12873"/>
              </a:lnTo>
              <a:lnTo>
                <a:pt x="11045" y="12581"/>
              </a:lnTo>
              <a:lnTo>
                <a:pt x="10677" y="13458"/>
              </a:lnTo>
              <a:lnTo>
                <a:pt x="10125" y="14043"/>
              </a:lnTo>
              <a:lnTo>
                <a:pt x="9389" y="14043"/>
              </a:lnTo>
              <a:lnTo>
                <a:pt x="9020" y="14043"/>
              </a:lnTo>
              <a:lnTo>
                <a:pt x="8284" y="14043"/>
              </a:lnTo>
              <a:lnTo>
                <a:pt x="7732" y="14043"/>
              </a:lnTo>
              <a:lnTo>
                <a:pt x="7180" y="14921"/>
              </a:lnTo>
              <a:lnTo>
                <a:pt x="7180" y="15214"/>
              </a:lnTo>
              <a:lnTo>
                <a:pt x="6075" y="15214"/>
              </a:lnTo>
              <a:lnTo>
                <a:pt x="3130" y="15799"/>
              </a:lnTo>
              <a:lnTo>
                <a:pt x="2761" y="16384"/>
              </a:lnTo>
              <a:lnTo>
                <a:pt x="1841" y="16384"/>
              </a:lnTo>
              <a:lnTo>
                <a:pt x="2577" y="14629"/>
              </a:lnTo>
              <a:lnTo>
                <a:pt x="2025" y="13751"/>
              </a:lnTo>
              <a:lnTo>
                <a:pt x="1473" y="12581"/>
              </a:lnTo>
              <a:lnTo>
                <a:pt x="1473" y="11410"/>
              </a:lnTo>
              <a:lnTo>
                <a:pt x="920" y="11118"/>
              </a:lnTo>
              <a:lnTo>
                <a:pt x="0" y="10533"/>
              </a:lnTo>
              <a:lnTo>
                <a:pt x="184" y="9655"/>
              </a:lnTo>
              <a:lnTo>
                <a:pt x="552" y="8777"/>
              </a:lnTo>
              <a:lnTo>
                <a:pt x="368" y="7899"/>
              </a:lnTo>
              <a:lnTo>
                <a:pt x="736" y="6729"/>
              </a:lnTo>
              <a:lnTo>
                <a:pt x="368" y="4974"/>
              </a:lnTo>
              <a:lnTo>
                <a:pt x="184" y="3803"/>
              </a:lnTo>
              <a:lnTo>
                <a:pt x="0" y="2633"/>
              </a:lnTo>
              <a:lnTo>
                <a:pt x="736" y="2341"/>
              </a:lnTo>
              <a:lnTo>
                <a:pt x="1473" y="3803"/>
              </a:lnTo>
              <a:lnTo>
                <a:pt x="2209" y="3218"/>
              </a:lnTo>
              <a:lnTo>
                <a:pt x="2761" y="2048"/>
              </a:lnTo>
              <a:lnTo>
                <a:pt x="3498" y="2048"/>
              </a:lnTo>
              <a:lnTo>
                <a:pt x="4234" y="1463"/>
              </a:lnTo>
              <a:lnTo>
                <a:pt x="4786" y="0"/>
              </a:lnTo>
              <a:lnTo>
                <a:pt x="5339" y="293"/>
              </a:lnTo>
              <a:lnTo>
                <a:pt x="6259" y="0"/>
              </a:lnTo>
              <a:lnTo>
                <a:pt x="6627" y="293"/>
              </a:lnTo>
              <a:lnTo>
                <a:pt x="8100" y="293"/>
              </a:lnTo>
              <a:lnTo>
                <a:pt x="8284" y="878"/>
              </a:lnTo>
              <a:lnTo>
                <a:pt x="9204" y="585"/>
              </a:lnTo>
              <a:lnTo>
                <a:pt x="9757" y="1463"/>
              </a:lnTo>
              <a:lnTo>
                <a:pt x="9389" y="2633"/>
              </a:lnTo>
              <a:lnTo>
                <a:pt x="8468" y="3803"/>
              </a:lnTo>
              <a:lnTo>
                <a:pt x="7916" y="3803"/>
              </a:lnTo>
              <a:lnTo>
                <a:pt x="6995" y="4389"/>
              </a:lnTo>
              <a:lnTo>
                <a:pt x="6443" y="4389"/>
              </a:lnTo>
              <a:lnTo>
                <a:pt x="6259" y="4974"/>
              </a:lnTo>
              <a:lnTo>
                <a:pt x="6811" y="6144"/>
              </a:lnTo>
              <a:lnTo>
                <a:pt x="7548" y="6144"/>
              </a:lnTo>
              <a:lnTo>
                <a:pt x="8100" y="6437"/>
              </a:lnTo>
              <a:lnTo>
                <a:pt x="9020" y="6144"/>
              </a:lnTo>
              <a:lnTo>
                <a:pt x="9941" y="5851"/>
              </a:lnTo>
              <a:lnTo>
                <a:pt x="10493" y="6144"/>
              </a:lnTo>
              <a:lnTo>
                <a:pt x="11229" y="6729"/>
              </a:lnTo>
              <a:lnTo>
                <a:pt x="12150" y="6729"/>
              </a:lnTo>
              <a:lnTo>
                <a:pt x="12702" y="5851"/>
              </a:lnTo>
              <a:lnTo>
                <a:pt x="12518" y="5559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8</xdr:col>
      <xdr:colOff>352425</xdr:colOff>
      <xdr:row>26</xdr:row>
      <xdr:rowOff>123825</xdr:rowOff>
    </xdr:from>
    <xdr:to>
      <xdr:col>9</xdr:col>
      <xdr:colOff>152400</xdr:colOff>
      <xdr:row>31</xdr:row>
      <xdr:rowOff>66675</xdr:rowOff>
    </xdr:to>
    <xdr:sp macro="" textlink="">
      <xdr:nvSpPr>
        <xdr:cNvPr id="20" name="d14321">
          <a:extLst>
            <a:ext uri="{FF2B5EF4-FFF2-40B4-BE49-F238E27FC236}">
              <a16:creationId xmlns:a16="http://schemas.microsoft.com/office/drawing/2014/main" id="{00000000-0008-0000-0200-000014000000}"/>
            </a:ext>
          </a:extLst>
        </xdr:cNvPr>
        <xdr:cNvSpPr>
          <a:spLocks/>
        </xdr:cNvSpPr>
      </xdr:nvSpPr>
      <xdr:spPr bwMode="auto">
        <a:xfrm>
          <a:off x="5229225" y="5334000"/>
          <a:ext cx="409575" cy="70485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0 h 16384"/>
            <a:gd name="T6" fmla="*/ 2147483646 w 16384"/>
            <a:gd name="T7" fmla="*/ 2147483646 h 16384"/>
            <a:gd name="T8" fmla="*/ 2147483646 w 16384"/>
            <a:gd name="T9" fmla="*/ 0 h 16384"/>
            <a:gd name="T10" fmla="*/ 2147483646 w 16384"/>
            <a:gd name="T11" fmla="*/ 2147483646 h 16384"/>
            <a:gd name="T12" fmla="*/ 2147483646 w 16384"/>
            <a:gd name="T13" fmla="*/ 0 h 16384"/>
            <a:gd name="T14" fmla="*/ 2147483646 w 16384"/>
            <a:gd name="T15" fmla="*/ 0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0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2286" y="1993"/>
              </a:moveTo>
              <a:lnTo>
                <a:pt x="1905" y="886"/>
              </a:lnTo>
              <a:lnTo>
                <a:pt x="1143" y="0"/>
              </a:lnTo>
              <a:lnTo>
                <a:pt x="3048" y="221"/>
              </a:lnTo>
              <a:lnTo>
                <a:pt x="6477" y="0"/>
              </a:lnTo>
              <a:lnTo>
                <a:pt x="7620" y="221"/>
              </a:lnTo>
              <a:lnTo>
                <a:pt x="9907" y="0"/>
              </a:lnTo>
              <a:lnTo>
                <a:pt x="12193" y="0"/>
              </a:lnTo>
              <a:lnTo>
                <a:pt x="11431" y="886"/>
              </a:lnTo>
              <a:lnTo>
                <a:pt x="12955" y="1328"/>
              </a:lnTo>
              <a:lnTo>
                <a:pt x="12193" y="3100"/>
              </a:lnTo>
              <a:lnTo>
                <a:pt x="14479" y="3321"/>
              </a:lnTo>
              <a:lnTo>
                <a:pt x="14098" y="5314"/>
              </a:lnTo>
              <a:lnTo>
                <a:pt x="15622" y="6864"/>
              </a:lnTo>
              <a:lnTo>
                <a:pt x="16384" y="7306"/>
              </a:lnTo>
              <a:lnTo>
                <a:pt x="16003" y="8635"/>
              </a:lnTo>
              <a:lnTo>
                <a:pt x="14860" y="9963"/>
              </a:lnTo>
              <a:lnTo>
                <a:pt x="13717" y="10849"/>
              </a:lnTo>
              <a:lnTo>
                <a:pt x="11431" y="11734"/>
              </a:lnTo>
              <a:lnTo>
                <a:pt x="11431" y="12620"/>
              </a:lnTo>
              <a:lnTo>
                <a:pt x="12574" y="13506"/>
              </a:lnTo>
              <a:lnTo>
                <a:pt x="12574" y="14391"/>
              </a:lnTo>
              <a:lnTo>
                <a:pt x="11431" y="15720"/>
              </a:lnTo>
              <a:lnTo>
                <a:pt x="6477" y="15941"/>
              </a:lnTo>
              <a:lnTo>
                <a:pt x="2667" y="16163"/>
              </a:lnTo>
              <a:lnTo>
                <a:pt x="381" y="16384"/>
              </a:lnTo>
              <a:lnTo>
                <a:pt x="762" y="14613"/>
              </a:lnTo>
              <a:lnTo>
                <a:pt x="1524" y="14170"/>
              </a:lnTo>
              <a:lnTo>
                <a:pt x="1143" y="13284"/>
              </a:lnTo>
              <a:lnTo>
                <a:pt x="0" y="11734"/>
              </a:lnTo>
              <a:lnTo>
                <a:pt x="381" y="11070"/>
              </a:lnTo>
              <a:lnTo>
                <a:pt x="1524" y="9299"/>
              </a:lnTo>
              <a:lnTo>
                <a:pt x="1524" y="7528"/>
              </a:lnTo>
              <a:lnTo>
                <a:pt x="2667" y="5978"/>
              </a:lnTo>
              <a:lnTo>
                <a:pt x="2667" y="4428"/>
              </a:lnTo>
              <a:lnTo>
                <a:pt x="2667" y="3100"/>
              </a:lnTo>
              <a:lnTo>
                <a:pt x="2286" y="1993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6</xdr:col>
      <xdr:colOff>219075</xdr:colOff>
      <xdr:row>32</xdr:row>
      <xdr:rowOff>114300</xdr:rowOff>
    </xdr:from>
    <xdr:to>
      <xdr:col>7</xdr:col>
      <xdr:colOff>561975</xdr:colOff>
      <xdr:row>35</xdr:row>
      <xdr:rowOff>142875</xdr:rowOff>
    </xdr:to>
    <xdr:sp macro="" textlink="">
      <xdr:nvSpPr>
        <xdr:cNvPr id="21" name="d14341">
          <a:extLst>
            <a:ext uri="{FF2B5EF4-FFF2-40B4-BE49-F238E27FC236}">
              <a16:creationId xmlns:a16="http://schemas.microsoft.com/office/drawing/2014/main" id="{00000000-0008-0000-0200-000015000000}"/>
            </a:ext>
          </a:extLst>
        </xdr:cNvPr>
        <xdr:cNvSpPr>
          <a:spLocks/>
        </xdr:cNvSpPr>
      </xdr:nvSpPr>
      <xdr:spPr bwMode="auto">
        <a:xfrm>
          <a:off x="3876675" y="6238875"/>
          <a:ext cx="952500" cy="485775"/>
        </a:xfrm>
        <a:custGeom>
          <a:avLst/>
          <a:gdLst>
            <a:gd name="T0" fmla="*/ 0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0 h 16384"/>
            <a:gd name="T6" fmla="*/ 2147483646 w 16384"/>
            <a:gd name="T7" fmla="*/ 2147483646 h 16384"/>
            <a:gd name="T8" fmla="*/ 2147483646 w 16384"/>
            <a:gd name="T9" fmla="*/ 0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0 w 16384"/>
            <a:gd name="T73" fmla="*/ 2147483646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0" y="2473"/>
              </a:moveTo>
              <a:lnTo>
                <a:pt x="1147" y="2164"/>
              </a:lnTo>
              <a:lnTo>
                <a:pt x="2130" y="0"/>
              </a:lnTo>
              <a:lnTo>
                <a:pt x="3113" y="618"/>
              </a:lnTo>
              <a:lnTo>
                <a:pt x="4424" y="0"/>
              </a:lnTo>
              <a:lnTo>
                <a:pt x="5079" y="927"/>
              </a:lnTo>
              <a:lnTo>
                <a:pt x="6062" y="618"/>
              </a:lnTo>
              <a:lnTo>
                <a:pt x="6390" y="1546"/>
              </a:lnTo>
              <a:lnTo>
                <a:pt x="8520" y="1546"/>
              </a:lnTo>
              <a:lnTo>
                <a:pt x="8847" y="2473"/>
              </a:lnTo>
              <a:lnTo>
                <a:pt x="8520" y="4019"/>
              </a:lnTo>
              <a:lnTo>
                <a:pt x="9011" y="4019"/>
              </a:lnTo>
              <a:lnTo>
                <a:pt x="9503" y="5564"/>
              </a:lnTo>
              <a:lnTo>
                <a:pt x="10486" y="6183"/>
              </a:lnTo>
              <a:lnTo>
                <a:pt x="10486" y="6801"/>
              </a:lnTo>
              <a:lnTo>
                <a:pt x="11960" y="6492"/>
              </a:lnTo>
              <a:lnTo>
                <a:pt x="12943" y="4946"/>
              </a:lnTo>
              <a:lnTo>
                <a:pt x="14090" y="4019"/>
              </a:lnTo>
              <a:lnTo>
                <a:pt x="14418" y="2782"/>
              </a:lnTo>
              <a:lnTo>
                <a:pt x="14909" y="4019"/>
              </a:lnTo>
              <a:lnTo>
                <a:pt x="16056" y="4019"/>
              </a:lnTo>
              <a:lnTo>
                <a:pt x="16384" y="5255"/>
              </a:lnTo>
              <a:lnTo>
                <a:pt x="15729" y="6183"/>
              </a:lnTo>
              <a:lnTo>
                <a:pt x="15237" y="6492"/>
              </a:lnTo>
              <a:lnTo>
                <a:pt x="14909" y="8965"/>
              </a:lnTo>
              <a:lnTo>
                <a:pt x="15729" y="10201"/>
              </a:lnTo>
              <a:lnTo>
                <a:pt x="13271" y="11438"/>
              </a:lnTo>
              <a:lnTo>
                <a:pt x="12780" y="12674"/>
              </a:lnTo>
              <a:lnTo>
                <a:pt x="9994" y="13911"/>
              </a:lnTo>
              <a:lnTo>
                <a:pt x="3277" y="16384"/>
              </a:lnTo>
              <a:lnTo>
                <a:pt x="3277" y="14529"/>
              </a:lnTo>
              <a:lnTo>
                <a:pt x="2785" y="12674"/>
              </a:lnTo>
              <a:lnTo>
                <a:pt x="2785" y="11129"/>
              </a:lnTo>
              <a:lnTo>
                <a:pt x="2458" y="8656"/>
              </a:lnTo>
              <a:lnTo>
                <a:pt x="1311" y="8656"/>
              </a:lnTo>
              <a:lnTo>
                <a:pt x="819" y="5874"/>
              </a:lnTo>
              <a:lnTo>
                <a:pt x="0" y="2473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5</xdr:col>
      <xdr:colOff>600075</xdr:colOff>
      <xdr:row>33</xdr:row>
      <xdr:rowOff>25400</xdr:rowOff>
    </xdr:from>
    <xdr:to>
      <xdr:col>6</xdr:col>
      <xdr:colOff>415925</xdr:colOff>
      <xdr:row>36</xdr:row>
      <xdr:rowOff>133350</xdr:rowOff>
    </xdr:to>
    <xdr:sp macro="" textlink="">
      <xdr:nvSpPr>
        <xdr:cNvPr id="22" name="d14342">
          <a:extLst>
            <a:ext uri="{FF2B5EF4-FFF2-40B4-BE49-F238E27FC236}">
              <a16:creationId xmlns:a16="http://schemas.microsoft.com/office/drawing/2014/main" id="{00000000-0008-0000-0200-000016000000}"/>
            </a:ext>
          </a:extLst>
        </xdr:cNvPr>
        <xdr:cNvSpPr>
          <a:spLocks/>
        </xdr:cNvSpPr>
      </xdr:nvSpPr>
      <xdr:spPr bwMode="auto">
        <a:xfrm>
          <a:off x="3648075" y="6302375"/>
          <a:ext cx="425450" cy="56515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0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0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0 60000 65536"/>
            <a:gd name="T63" fmla="*/ 0 60000 65536"/>
            <a:gd name="T64" fmla="*/ 0 60000 65536"/>
            <a:gd name="T65" fmla="*/ 0 60000 65536"/>
            <a:gd name="T66" fmla="*/ 0 60000 65536"/>
            <a:gd name="T67" fmla="*/ 0 60000 65536"/>
            <a:gd name="T68" fmla="*/ 0 60000 65536"/>
            <a:gd name="T69" fmla="*/ 0 60000 65536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w 16384"/>
            <a:gd name="T94" fmla="*/ 0 h 16384"/>
            <a:gd name="T95" fmla="*/ 16384 w 16384"/>
            <a:gd name="T96" fmla="*/ 16384 h 16384"/>
          </a:gdLst>
          <a:ahLst/>
          <a:cxnLst>
            <a:cxn ang="T62">
              <a:pos x="T0" y="T1"/>
            </a:cxn>
            <a:cxn ang="T63">
              <a:pos x="T2" y="T3"/>
            </a:cxn>
            <a:cxn ang="T64">
              <a:pos x="T4" y="T5"/>
            </a:cxn>
            <a:cxn ang="T65">
              <a:pos x="T6" y="T7"/>
            </a:cxn>
            <a:cxn ang="T66">
              <a:pos x="T8" y="T9"/>
            </a:cxn>
            <a:cxn ang="T67">
              <a:pos x="T10" y="T11"/>
            </a:cxn>
            <a:cxn ang="T68">
              <a:pos x="T12" y="T13"/>
            </a:cxn>
            <a:cxn ang="T69">
              <a:pos x="T14" y="T15"/>
            </a:cxn>
            <a:cxn ang="T70">
              <a:pos x="T16" y="T17"/>
            </a:cxn>
            <a:cxn ang="T71">
              <a:pos x="T18" y="T19"/>
            </a:cxn>
            <a:cxn ang="T72">
              <a:pos x="T20" y="T21"/>
            </a:cxn>
            <a:cxn ang="T73">
              <a:pos x="T22" y="T23"/>
            </a:cxn>
            <a:cxn ang="T74">
              <a:pos x="T24" y="T25"/>
            </a:cxn>
            <a:cxn ang="T75">
              <a:pos x="T26" y="T27"/>
            </a:cxn>
            <a:cxn ang="T76">
              <a:pos x="T28" y="T29"/>
            </a:cxn>
            <a:cxn ang="T77">
              <a:pos x="T30" y="T31"/>
            </a:cxn>
            <a:cxn ang="T78">
              <a:pos x="T32" y="T33"/>
            </a:cxn>
            <a:cxn ang="T79">
              <a:pos x="T34" y="T35"/>
            </a:cxn>
            <a:cxn ang="T80">
              <a:pos x="T36" y="T37"/>
            </a:cxn>
            <a:cxn ang="T81">
              <a:pos x="T38" y="T39"/>
            </a:cxn>
            <a:cxn ang="T82">
              <a:pos x="T40" y="T41"/>
            </a:cxn>
            <a:cxn ang="T83">
              <a:pos x="T42" y="T43"/>
            </a:cxn>
            <a:cxn ang="T84">
              <a:pos x="T44" y="T45"/>
            </a:cxn>
            <a:cxn ang="T85">
              <a:pos x="T46" y="T47"/>
            </a:cxn>
            <a:cxn ang="T86">
              <a:pos x="T48" y="T49"/>
            </a:cxn>
            <a:cxn ang="T87">
              <a:pos x="T50" y="T51"/>
            </a:cxn>
            <a:cxn ang="T88">
              <a:pos x="T52" y="T53"/>
            </a:cxn>
            <a:cxn ang="T89">
              <a:pos x="T54" y="T55"/>
            </a:cxn>
            <a:cxn ang="T90">
              <a:pos x="T56" y="T57"/>
            </a:cxn>
            <a:cxn ang="T91">
              <a:pos x="T58" y="T59"/>
            </a:cxn>
            <a:cxn ang="T92">
              <a:pos x="T60" y="T61"/>
            </a:cxn>
          </a:cxnLst>
          <a:rect l="T93" t="T94" r="T95" b="T96"/>
          <a:pathLst>
            <a:path w="16384" h="16384">
              <a:moveTo>
                <a:pt x="8582" y="269"/>
              </a:moveTo>
              <a:lnTo>
                <a:pt x="10533" y="3223"/>
              </a:lnTo>
              <a:lnTo>
                <a:pt x="11703" y="5640"/>
              </a:lnTo>
              <a:lnTo>
                <a:pt x="14434" y="5640"/>
              </a:lnTo>
              <a:lnTo>
                <a:pt x="15214" y="7789"/>
              </a:lnTo>
              <a:lnTo>
                <a:pt x="15214" y="9132"/>
              </a:lnTo>
              <a:lnTo>
                <a:pt x="16384" y="10744"/>
              </a:lnTo>
              <a:lnTo>
                <a:pt x="16384" y="12355"/>
              </a:lnTo>
              <a:lnTo>
                <a:pt x="13653" y="12892"/>
              </a:lnTo>
              <a:lnTo>
                <a:pt x="9752" y="13967"/>
              </a:lnTo>
              <a:lnTo>
                <a:pt x="5461" y="15310"/>
              </a:lnTo>
              <a:lnTo>
                <a:pt x="1560" y="16384"/>
              </a:lnTo>
              <a:lnTo>
                <a:pt x="780" y="15041"/>
              </a:lnTo>
              <a:lnTo>
                <a:pt x="1170" y="13698"/>
              </a:lnTo>
              <a:lnTo>
                <a:pt x="1950" y="13161"/>
              </a:lnTo>
              <a:lnTo>
                <a:pt x="1950" y="12624"/>
              </a:lnTo>
              <a:lnTo>
                <a:pt x="1170" y="12355"/>
              </a:lnTo>
              <a:lnTo>
                <a:pt x="1950" y="11549"/>
              </a:lnTo>
              <a:lnTo>
                <a:pt x="2341" y="10206"/>
              </a:lnTo>
              <a:lnTo>
                <a:pt x="2341" y="9401"/>
              </a:lnTo>
              <a:lnTo>
                <a:pt x="1950" y="8595"/>
              </a:lnTo>
              <a:lnTo>
                <a:pt x="1950" y="7521"/>
              </a:lnTo>
              <a:lnTo>
                <a:pt x="2731" y="5640"/>
              </a:lnTo>
              <a:lnTo>
                <a:pt x="1170" y="5103"/>
              </a:lnTo>
              <a:lnTo>
                <a:pt x="390" y="4566"/>
              </a:lnTo>
              <a:lnTo>
                <a:pt x="0" y="3492"/>
              </a:lnTo>
              <a:lnTo>
                <a:pt x="1560" y="3760"/>
              </a:lnTo>
              <a:lnTo>
                <a:pt x="4291" y="1343"/>
              </a:lnTo>
              <a:lnTo>
                <a:pt x="7412" y="0"/>
              </a:lnTo>
              <a:lnTo>
                <a:pt x="7802" y="269"/>
              </a:lnTo>
              <a:lnTo>
                <a:pt x="8582" y="269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5</xdr:col>
      <xdr:colOff>85725</xdr:colOff>
      <xdr:row>30</xdr:row>
      <xdr:rowOff>38100</xdr:rowOff>
    </xdr:from>
    <xdr:to>
      <xdr:col>6</xdr:col>
      <xdr:colOff>238125</xdr:colOff>
      <xdr:row>34</xdr:row>
      <xdr:rowOff>123825</xdr:rowOff>
    </xdr:to>
    <xdr:sp macro="" textlink="">
      <xdr:nvSpPr>
        <xdr:cNvPr id="23" name="d14361" descr="切り込み">
          <a:extLst>
            <a:ext uri="{FF2B5EF4-FFF2-40B4-BE49-F238E27FC236}">
              <a16:creationId xmlns:a16="http://schemas.microsoft.com/office/drawing/2014/main" id="{00000000-0008-0000-0200-000017000000}"/>
            </a:ext>
          </a:extLst>
        </xdr:cNvPr>
        <xdr:cNvSpPr>
          <a:spLocks/>
        </xdr:cNvSpPr>
      </xdr:nvSpPr>
      <xdr:spPr bwMode="auto">
        <a:xfrm>
          <a:off x="3133725" y="5857875"/>
          <a:ext cx="762000" cy="69532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0 w 16384"/>
            <a:gd name="T69" fmla="*/ 2147483646 h 16384"/>
            <a:gd name="T70" fmla="*/ 0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0 h 16384"/>
            <a:gd name="T82" fmla="*/ 2147483646 w 16384"/>
            <a:gd name="T83" fmla="*/ 0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2147483646 h 16384"/>
            <a:gd name="T102" fmla="*/ 2147483646 w 16384"/>
            <a:gd name="T103" fmla="*/ 2147483646 h 16384"/>
            <a:gd name="T104" fmla="*/ 2147483646 w 16384"/>
            <a:gd name="T105" fmla="*/ 2147483646 h 16384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w 16384"/>
            <a:gd name="T160" fmla="*/ 0 h 16384"/>
            <a:gd name="T161" fmla="*/ 16384 w 16384"/>
            <a:gd name="T162" fmla="*/ 16384 h 16384"/>
          </a:gdLst>
          <a:ahLst/>
          <a:cxnLst>
            <a:cxn ang="T106">
              <a:pos x="T0" y="T1"/>
            </a:cxn>
            <a:cxn ang="T107">
              <a:pos x="T2" y="T3"/>
            </a:cxn>
            <a:cxn ang="T108">
              <a:pos x="T4" y="T5"/>
            </a:cxn>
            <a:cxn ang="T109">
              <a:pos x="T6" y="T7"/>
            </a:cxn>
            <a:cxn ang="T110">
              <a:pos x="T8" y="T9"/>
            </a:cxn>
            <a:cxn ang="T111">
              <a:pos x="T10" y="T11"/>
            </a:cxn>
            <a:cxn ang="T112">
              <a:pos x="T12" y="T13"/>
            </a:cxn>
            <a:cxn ang="T113">
              <a:pos x="T14" y="T15"/>
            </a:cxn>
            <a:cxn ang="T114">
              <a:pos x="T16" y="T17"/>
            </a:cxn>
            <a:cxn ang="T115">
              <a:pos x="T18" y="T19"/>
            </a:cxn>
            <a:cxn ang="T116">
              <a:pos x="T20" y="T21"/>
            </a:cxn>
            <a:cxn ang="T117">
              <a:pos x="T22" y="T23"/>
            </a:cxn>
            <a:cxn ang="T118">
              <a:pos x="T24" y="T25"/>
            </a:cxn>
            <a:cxn ang="T119">
              <a:pos x="T26" y="T27"/>
            </a:cxn>
            <a:cxn ang="T120">
              <a:pos x="T28" y="T29"/>
            </a:cxn>
            <a:cxn ang="T121">
              <a:pos x="T30" y="T31"/>
            </a:cxn>
            <a:cxn ang="T122">
              <a:pos x="T32" y="T33"/>
            </a:cxn>
            <a:cxn ang="T123">
              <a:pos x="T34" y="T35"/>
            </a:cxn>
            <a:cxn ang="T124">
              <a:pos x="T36" y="T37"/>
            </a:cxn>
            <a:cxn ang="T125">
              <a:pos x="T38" y="T39"/>
            </a:cxn>
            <a:cxn ang="T126">
              <a:pos x="T40" y="T41"/>
            </a:cxn>
            <a:cxn ang="T127">
              <a:pos x="T42" y="T43"/>
            </a:cxn>
            <a:cxn ang="T128">
              <a:pos x="T44" y="T45"/>
            </a:cxn>
            <a:cxn ang="T129">
              <a:pos x="T46" y="T47"/>
            </a:cxn>
            <a:cxn ang="T130">
              <a:pos x="T48" y="T49"/>
            </a:cxn>
            <a:cxn ang="T131">
              <a:pos x="T50" y="T51"/>
            </a:cxn>
            <a:cxn ang="T132">
              <a:pos x="T52" y="T53"/>
            </a:cxn>
            <a:cxn ang="T133">
              <a:pos x="T54" y="T55"/>
            </a:cxn>
            <a:cxn ang="T134">
              <a:pos x="T56" y="T57"/>
            </a:cxn>
            <a:cxn ang="T135">
              <a:pos x="T58" y="T59"/>
            </a:cxn>
            <a:cxn ang="T136">
              <a:pos x="T60" y="T61"/>
            </a:cxn>
            <a:cxn ang="T137">
              <a:pos x="T62" y="T63"/>
            </a:cxn>
            <a:cxn ang="T138">
              <a:pos x="T64" y="T65"/>
            </a:cxn>
            <a:cxn ang="T139">
              <a:pos x="T66" y="T67"/>
            </a:cxn>
            <a:cxn ang="T140">
              <a:pos x="T68" y="T69"/>
            </a:cxn>
            <a:cxn ang="T141">
              <a:pos x="T70" y="T71"/>
            </a:cxn>
            <a:cxn ang="T142">
              <a:pos x="T72" y="T73"/>
            </a:cxn>
            <a:cxn ang="T143">
              <a:pos x="T74" y="T75"/>
            </a:cxn>
            <a:cxn ang="T144">
              <a:pos x="T76" y="T77"/>
            </a:cxn>
            <a:cxn ang="T145">
              <a:pos x="T78" y="T79"/>
            </a:cxn>
            <a:cxn ang="T146">
              <a:pos x="T80" y="T81"/>
            </a:cxn>
            <a:cxn ang="T147">
              <a:pos x="T82" y="T83"/>
            </a:cxn>
            <a:cxn ang="T148">
              <a:pos x="T84" y="T85"/>
            </a:cxn>
            <a:cxn ang="T149">
              <a:pos x="T86" y="T87"/>
            </a:cxn>
            <a:cxn ang="T150">
              <a:pos x="T88" y="T89"/>
            </a:cxn>
            <a:cxn ang="T151">
              <a:pos x="T90" y="T91"/>
            </a:cxn>
            <a:cxn ang="T152">
              <a:pos x="T92" y="T93"/>
            </a:cxn>
            <a:cxn ang="T153">
              <a:pos x="T94" y="T95"/>
            </a:cxn>
            <a:cxn ang="T154">
              <a:pos x="T96" y="T97"/>
            </a:cxn>
            <a:cxn ang="T155">
              <a:pos x="T98" y="T99"/>
            </a:cxn>
            <a:cxn ang="T156">
              <a:pos x="T100" y="T101"/>
            </a:cxn>
            <a:cxn ang="T157">
              <a:pos x="T102" y="T103"/>
            </a:cxn>
            <a:cxn ang="T158">
              <a:pos x="T104" y="T105"/>
            </a:cxn>
          </a:cxnLst>
          <a:rect l="T159" t="T160" r="T161" b="T162"/>
          <a:pathLst>
            <a:path w="16384" h="16384">
              <a:moveTo>
                <a:pt x="16384" y="2403"/>
              </a:moveTo>
              <a:lnTo>
                <a:pt x="14541" y="2840"/>
              </a:lnTo>
              <a:lnTo>
                <a:pt x="13312" y="3932"/>
              </a:lnTo>
              <a:lnTo>
                <a:pt x="13312" y="7646"/>
              </a:lnTo>
              <a:lnTo>
                <a:pt x="14746" y="8738"/>
              </a:lnTo>
              <a:lnTo>
                <a:pt x="15360" y="10267"/>
              </a:lnTo>
              <a:lnTo>
                <a:pt x="13722" y="11360"/>
              </a:lnTo>
              <a:lnTo>
                <a:pt x="12288" y="13326"/>
              </a:lnTo>
              <a:lnTo>
                <a:pt x="11469" y="13107"/>
              </a:lnTo>
              <a:lnTo>
                <a:pt x="11059" y="13544"/>
              </a:lnTo>
              <a:lnTo>
                <a:pt x="10035" y="14418"/>
              </a:lnTo>
              <a:lnTo>
                <a:pt x="8806" y="14418"/>
              </a:lnTo>
              <a:lnTo>
                <a:pt x="7168" y="13763"/>
              </a:lnTo>
              <a:lnTo>
                <a:pt x="6144" y="15073"/>
              </a:lnTo>
              <a:lnTo>
                <a:pt x="5325" y="15729"/>
              </a:lnTo>
              <a:lnTo>
                <a:pt x="4096" y="16384"/>
              </a:lnTo>
              <a:lnTo>
                <a:pt x="4096" y="15510"/>
              </a:lnTo>
              <a:lnTo>
                <a:pt x="3482" y="14636"/>
              </a:lnTo>
              <a:lnTo>
                <a:pt x="3072" y="14636"/>
              </a:lnTo>
              <a:lnTo>
                <a:pt x="1843" y="13763"/>
              </a:lnTo>
              <a:lnTo>
                <a:pt x="1024" y="13107"/>
              </a:lnTo>
              <a:lnTo>
                <a:pt x="410" y="12233"/>
              </a:lnTo>
              <a:lnTo>
                <a:pt x="1024" y="11578"/>
              </a:lnTo>
              <a:lnTo>
                <a:pt x="1434" y="10923"/>
              </a:lnTo>
              <a:lnTo>
                <a:pt x="2048" y="10267"/>
              </a:lnTo>
              <a:lnTo>
                <a:pt x="1638" y="9830"/>
              </a:lnTo>
              <a:lnTo>
                <a:pt x="1638" y="9175"/>
              </a:lnTo>
              <a:lnTo>
                <a:pt x="1229" y="8301"/>
              </a:lnTo>
              <a:lnTo>
                <a:pt x="819" y="8738"/>
              </a:lnTo>
              <a:lnTo>
                <a:pt x="614" y="8520"/>
              </a:lnTo>
              <a:lnTo>
                <a:pt x="1229" y="7427"/>
              </a:lnTo>
              <a:lnTo>
                <a:pt x="1434" y="6335"/>
              </a:lnTo>
              <a:lnTo>
                <a:pt x="1024" y="5461"/>
              </a:lnTo>
              <a:lnTo>
                <a:pt x="410" y="4806"/>
              </a:lnTo>
              <a:lnTo>
                <a:pt x="0" y="3932"/>
              </a:lnTo>
              <a:lnTo>
                <a:pt x="0" y="3277"/>
              </a:lnTo>
              <a:lnTo>
                <a:pt x="1843" y="1966"/>
              </a:lnTo>
              <a:lnTo>
                <a:pt x="3277" y="2185"/>
              </a:lnTo>
              <a:lnTo>
                <a:pt x="3686" y="874"/>
              </a:lnTo>
              <a:lnTo>
                <a:pt x="4506" y="874"/>
              </a:lnTo>
              <a:lnTo>
                <a:pt x="4915" y="0"/>
              </a:lnTo>
              <a:lnTo>
                <a:pt x="5530" y="0"/>
              </a:lnTo>
              <a:lnTo>
                <a:pt x="5734" y="437"/>
              </a:lnTo>
              <a:lnTo>
                <a:pt x="6554" y="655"/>
              </a:lnTo>
              <a:lnTo>
                <a:pt x="6554" y="1311"/>
              </a:lnTo>
              <a:lnTo>
                <a:pt x="6758" y="1529"/>
              </a:lnTo>
              <a:lnTo>
                <a:pt x="6758" y="1748"/>
              </a:lnTo>
              <a:lnTo>
                <a:pt x="7782" y="3058"/>
              </a:lnTo>
              <a:lnTo>
                <a:pt x="9216" y="2403"/>
              </a:lnTo>
              <a:lnTo>
                <a:pt x="11059" y="2621"/>
              </a:lnTo>
              <a:lnTo>
                <a:pt x="12902" y="3058"/>
              </a:lnTo>
              <a:lnTo>
                <a:pt x="14336" y="2185"/>
              </a:lnTo>
              <a:lnTo>
                <a:pt x="16384" y="2403"/>
              </a:lnTo>
              <a:close/>
            </a:path>
          </a:pathLst>
        </a:custGeom>
        <a:pattFill prst="divot">
          <a:fgClr>
            <a:srgbClr val="000000"/>
          </a:fgClr>
          <a:bgClr>
            <a:srgbClr val="FFFFFF"/>
          </a:bgClr>
        </a:pattFill>
        <a:ln w="38100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4</xdr:col>
      <xdr:colOff>114300</xdr:colOff>
      <xdr:row>30</xdr:row>
      <xdr:rowOff>85725</xdr:rowOff>
    </xdr:from>
    <xdr:to>
      <xdr:col>5</xdr:col>
      <xdr:colOff>180975</xdr:colOff>
      <xdr:row>34</xdr:row>
      <xdr:rowOff>76200</xdr:rowOff>
    </xdr:to>
    <xdr:sp macro="" textlink="">
      <xdr:nvSpPr>
        <xdr:cNvPr id="24" name="d14362" descr="切り込み">
          <a:extLst>
            <a:ext uri="{FF2B5EF4-FFF2-40B4-BE49-F238E27FC236}">
              <a16:creationId xmlns:a16="http://schemas.microsoft.com/office/drawing/2014/main" id="{00000000-0008-0000-0200-000018000000}"/>
            </a:ext>
          </a:extLst>
        </xdr:cNvPr>
        <xdr:cNvSpPr>
          <a:spLocks/>
        </xdr:cNvSpPr>
      </xdr:nvSpPr>
      <xdr:spPr bwMode="auto">
        <a:xfrm>
          <a:off x="2552700" y="5905500"/>
          <a:ext cx="676275" cy="60007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0 w 16384"/>
            <a:gd name="T39" fmla="*/ 2147483646 h 16384"/>
            <a:gd name="T40" fmla="*/ 0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0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2147483646 h 16384"/>
            <a:gd name="T102" fmla="*/ 2147483646 w 16384"/>
            <a:gd name="T103" fmla="*/ 2147483646 h 16384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w 16384"/>
            <a:gd name="T157" fmla="*/ 0 h 16384"/>
            <a:gd name="T158" fmla="*/ 16384 w 16384"/>
            <a:gd name="T159" fmla="*/ 16384 h 16384"/>
          </a:gdLst>
          <a:ahLst/>
          <a:cxnLst>
            <a:cxn ang="T104">
              <a:pos x="T0" y="T1"/>
            </a:cxn>
            <a:cxn ang="T105">
              <a:pos x="T2" y="T3"/>
            </a:cxn>
            <a:cxn ang="T106">
              <a:pos x="T4" y="T5"/>
            </a:cxn>
            <a:cxn ang="T107">
              <a:pos x="T6" y="T7"/>
            </a:cxn>
            <a:cxn ang="T108">
              <a:pos x="T8" y="T9"/>
            </a:cxn>
            <a:cxn ang="T109">
              <a:pos x="T10" y="T11"/>
            </a:cxn>
            <a:cxn ang="T110">
              <a:pos x="T12" y="T13"/>
            </a:cxn>
            <a:cxn ang="T111">
              <a:pos x="T14" y="T15"/>
            </a:cxn>
            <a:cxn ang="T112">
              <a:pos x="T16" y="T17"/>
            </a:cxn>
            <a:cxn ang="T113">
              <a:pos x="T18" y="T19"/>
            </a:cxn>
            <a:cxn ang="T114">
              <a:pos x="T20" y="T21"/>
            </a:cxn>
            <a:cxn ang="T115">
              <a:pos x="T22" y="T23"/>
            </a:cxn>
            <a:cxn ang="T116">
              <a:pos x="T24" y="T25"/>
            </a:cxn>
            <a:cxn ang="T117">
              <a:pos x="T26" y="T27"/>
            </a:cxn>
            <a:cxn ang="T118">
              <a:pos x="T28" y="T29"/>
            </a:cxn>
            <a:cxn ang="T119">
              <a:pos x="T30" y="T31"/>
            </a:cxn>
            <a:cxn ang="T120">
              <a:pos x="T32" y="T33"/>
            </a:cxn>
            <a:cxn ang="T121">
              <a:pos x="T34" y="T35"/>
            </a:cxn>
            <a:cxn ang="T122">
              <a:pos x="T36" y="T37"/>
            </a:cxn>
            <a:cxn ang="T123">
              <a:pos x="T38" y="T39"/>
            </a:cxn>
            <a:cxn ang="T124">
              <a:pos x="T40" y="T41"/>
            </a:cxn>
            <a:cxn ang="T125">
              <a:pos x="T42" y="T43"/>
            </a:cxn>
            <a:cxn ang="T126">
              <a:pos x="T44" y="T45"/>
            </a:cxn>
            <a:cxn ang="T127">
              <a:pos x="T46" y="T47"/>
            </a:cxn>
            <a:cxn ang="T128">
              <a:pos x="T48" y="T49"/>
            </a:cxn>
            <a:cxn ang="T129">
              <a:pos x="T50" y="T51"/>
            </a:cxn>
            <a:cxn ang="T130">
              <a:pos x="T52" y="T53"/>
            </a:cxn>
            <a:cxn ang="T131">
              <a:pos x="T54" y="T55"/>
            </a:cxn>
            <a:cxn ang="T132">
              <a:pos x="T56" y="T57"/>
            </a:cxn>
            <a:cxn ang="T133">
              <a:pos x="T58" y="T59"/>
            </a:cxn>
            <a:cxn ang="T134">
              <a:pos x="T60" y="T61"/>
            </a:cxn>
            <a:cxn ang="T135">
              <a:pos x="T62" y="T63"/>
            </a:cxn>
            <a:cxn ang="T136">
              <a:pos x="T64" y="T65"/>
            </a:cxn>
            <a:cxn ang="T137">
              <a:pos x="T66" y="T67"/>
            </a:cxn>
            <a:cxn ang="T138">
              <a:pos x="T68" y="T69"/>
            </a:cxn>
            <a:cxn ang="T139">
              <a:pos x="T70" y="T71"/>
            </a:cxn>
            <a:cxn ang="T140">
              <a:pos x="T72" y="T73"/>
            </a:cxn>
            <a:cxn ang="T141">
              <a:pos x="T74" y="T75"/>
            </a:cxn>
            <a:cxn ang="T142">
              <a:pos x="T76" y="T77"/>
            </a:cxn>
            <a:cxn ang="T143">
              <a:pos x="T78" y="T79"/>
            </a:cxn>
            <a:cxn ang="T144">
              <a:pos x="T80" y="T81"/>
            </a:cxn>
            <a:cxn ang="T145">
              <a:pos x="T82" y="T83"/>
            </a:cxn>
            <a:cxn ang="T146">
              <a:pos x="T84" y="T85"/>
            </a:cxn>
            <a:cxn ang="T147">
              <a:pos x="T86" y="T87"/>
            </a:cxn>
            <a:cxn ang="T148">
              <a:pos x="T88" y="T89"/>
            </a:cxn>
            <a:cxn ang="T149">
              <a:pos x="T90" y="T91"/>
            </a:cxn>
            <a:cxn ang="T150">
              <a:pos x="T92" y="T93"/>
            </a:cxn>
            <a:cxn ang="T151">
              <a:pos x="T94" y="T95"/>
            </a:cxn>
            <a:cxn ang="T152">
              <a:pos x="T96" y="T97"/>
            </a:cxn>
            <a:cxn ang="T153">
              <a:pos x="T98" y="T99"/>
            </a:cxn>
            <a:cxn ang="T154">
              <a:pos x="T100" y="T101"/>
            </a:cxn>
            <a:cxn ang="T155">
              <a:pos x="T102" y="T103"/>
            </a:cxn>
          </a:cxnLst>
          <a:rect l="T156" t="T157" r="T158" b="T159"/>
          <a:pathLst>
            <a:path w="16384" h="16384">
              <a:moveTo>
                <a:pt x="14538" y="12855"/>
              </a:moveTo>
              <a:lnTo>
                <a:pt x="13384" y="11091"/>
              </a:lnTo>
              <a:lnTo>
                <a:pt x="13153" y="10587"/>
              </a:lnTo>
              <a:lnTo>
                <a:pt x="12692" y="10335"/>
              </a:lnTo>
              <a:lnTo>
                <a:pt x="12230" y="10839"/>
              </a:lnTo>
              <a:lnTo>
                <a:pt x="10384" y="11343"/>
              </a:lnTo>
              <a:lnTo>
                <a:pt x="10153" y="11595"/>
              </a:lnTo>
              <a:lnTo>
                <a:pt x="9923" y="12855"/>
              </a:lnTo>
              <a:lnTo>
                <a:pt x="9230" y="13359"/>
              </a:lnTo>
              <a:lnTo>
                <a:pt x="8769" y="14115"/>
              </a:lnTo>
              <a:lnTo>
                <a:pt x="8307" y="15124"/>
              </a:lnTo>
              <a:lnTo>
                <a:pt x="8077" y="14368"/>
              </a:lnTo>
              <a:lnTo>
                <a:pt x="6923" y="15628"/>
              </a:lnTo>
              <a:lnTo>
                <a:pt x="5769" y="16384"/>
              </a:lnTo>
              <a:lnTo>
                <a:pt x="4154" y="16132"/>
              </a:lnTo>
              <a:lnTo>
                <a:pt x="2077" y="12351"/>
              </a:lnTo>
              <a:lnTo>
                <a:pt x="1846" y="11847"/>
              </a:lnTo>
              <a:lnTo>
                <a:pt x="1154" y="10587"/>
              </a:lnTo>
              <a:lnTo>
                <a:pt x="231" y="9578"/>
              </a:lnTo>
              <a:lnTo>
                <a:pt x="0" y="8318"/>
              </a:lnTo>
              <a:lnTo>
                <a:pt x="0" y="7058"/>
              </a:lnTo>
              <a:lnTo>
                <a:pt x="1385" y="7562"/>
              </a:lnTo>
              <a:lnTo>
                <a:pt x="2077" y="7310"/>
              </a:lnTo>
              <a:lnTo>
                <a:pt x="2538" y="6302"/>
              </a:lnTo>
              <a:lnTo>
                <a:pt x="3231" y="5797"/>
              </a:lnTo>
              <a:lnTo>
                <a:pt x="4384" y="5293"/>
              </a:lnTo>
              <a:lnTo>
                <a:pt x="5077" y="4537"/>
              </a:lnTo>
              <a:lnTo>
                <a:pt x="6231" y="4789"/>
              </a:lnTo>
              <a:lnTo>
                <a:pt x="6923" y="4033"/>
              </a:lnTo>
              <a:lnTo>
                <a:pt x="7154" y="3025"/>
              </a:lnTo>
              <a:lnTo>
                <a:pt x="7384" y="1764"/>
              </a:lnTo>
              <a:lnTo>
                <a:pt x="7384" y="504"/>
              </a:lnTo>
              <a:lnTo>
                <a:pt x="9000" y="0"/>
              </a:lnTo>
              <a:lnTo>
                <a:pt x="9461" y="1008"/>
              </a:lnTo>
              <a:lnTo>
                <a:pt x="10615" y="3529"/>
              </a:lnTo>
              <a:lnTo>
                <a:pt x="11769" y="4537"/>
              </a:lnTo>
              <a:lnTo>
                <a:pt x="13384" y="3025"/>
              </a:lnTo>
              <a:lnTo>
                <a:pt x="14076" y="2521"/>
              </a:lnTo>
              <a:lnTo>
                <a:pt x="14076" y="3277"/>
              </a:lnTo>
              <a:lnTo>
                <a:pt x="14538" y="4285"/>
              </a:lnTo>
              <a:lnTo>
                <a:pt x="15230" y="5041"/>
              </a:lnTo>
              <a:lnTo>
                <a:pt x="15692" y="6049"/>
              </a:lnTo>
              <a:lnTo>
                <a:pt x="15461" y="7310"/>
              </a:lnTo>
              <a:lnTo>
                <a:pt x="14769" y="8570"/>
              </a:lnTo>
              <a:lnTo>
                <a:pt x="14999" y="8822"/>
              </a:lnTo>
              <a:lnTo>
                <a:pt x="15461" y="8318"/>
              </a:lnTo>
              <a:lnTo>
                <a:pt x="15922" y="9326"/>
              </a:lnTo>
              <a:lnTo>
                <a:pt x="15922" y="10082"/>
              </a:lnTo>
              <a:lnTo>
                <a:pt x="16384" y="10587"/>
              </a:lnTo>
              <a:lnTo>
                <a:pt x="15692" y="11343"/>
              </a:lnTo>
              <a:lnTo>
                <a:pt x="15230" y="12099"/>
              </a:lnTo>
              <a:lnTo>
                <a:pt x="14538" y="12855"/>
              </a:lnTo>
              <a:close/>
            </a:path>
          </a:pathLst>
        </a:custGeom>
        <a:pattFill prst="divot">
          <a:fgClr>
            <a:srgbClr val="000000"/>
          </a:fgClr>
          <a:bgClr>
            <a:srgbClr val="FFFFFF"/>
          </a:bgClr>
        </a:pattFill>
        <a:ln w="38100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3</xdr:col>
      <xdr:colOff>314325</xdr:colOff>
      <xdr:row>22</xdr:row>
      <xdr:rowOff>95250</xdr:rowOff>
    </xdr:from>
    <xdr:to>
      <xdr:col>4</xdr:col>
      <xdr:colOff>419100</xdr:colOff>
      <xdr:row>32</xdr:row>
      <xdr:rowOff>66675</xdr:rowOff>
    </xdr:to>
    <xdr:sp macro="" textlink="">
      <xdr:nvSpPr>
        <xdr:cNvPr id="25" name="d14363" descr="切り込み">
          <a:extLst>
            <a:ext uri="{FF2B5EF4-FFF2-40B4-BE49-F238E27FC236}">
              <a16:creationId xmlns:a16="http://schemas.microsoft.com/office/drawing/2014/main" id="{00000000-0008-0000-0200-000019000000}"/>
            </a:ext>
          </a:extLst>
        </xdr:cNvPr>
        <xdr:cNvSpPr>
          <a:spLocks/>
        </xdr:cNvSpPr>
      </xdr:nvSpPr>
      <xdr:spPr bwMode="auto">
        <a:xfrm>
          <a:off x="2143125" y="4695825"/>
          <a:ext cx="714375" cy="149542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0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0 h 16384"/>
            <a:gd name="T82" fmla="*/ 2147483646 w 16384"/>
            <a:gd name="T83" fmla="*/ 2147483646 h 16384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w 16384"/>
            <a:gd name="T127" fmla="*/ 0 h 16384"/>
            <a:gd name="T128" fmla="*/ 16384 w 16384"/>
            <a:gd name="T129" fmla="*/ 16384 h 16384"/>
          </a:gdLst>
          <a:ahLst/>
          <a:cxnLst>
            <a:cxn ang="T84">
              <a:pos x="T0" y="T1"/>
            </a:cxn>
            <a:cxn ang="T85">
              <a:pos x="T2" y="T3"/>
            </a:cxn>
            <a:cxn ang="T86">
              <a:pos x="T4" y="T5"/>
            </a:cxn>
            <a:cxn ang="T87">
              <a:pos x="T6" y="T7"/>
            </a:cxn>
            <a:cxn ang="T88">
              <a:pos x="T8" y="T9"/>
            </a:cxn>
            <a:cxn ang="T89">
              <a:pos x="T10" y="T11"/>
            </a:cxn>
            <a:cxn ang="T90">
              <a:pos x="T12" y="T13"/>
            </a:cxn>
            <a:cxn ang="T91">
              <a:pos x="T14" y="T15"/>
            </a:cxn>
            <a:cxn ang="T92">
              <a:pos x="T16" y="T17"/>
            </a:cxn>
            <a:cxn ang="T93">
              <a:pos x="T18" y="T19"/>
            </a:cxn>
            <a:cxn ang="T94">
              <a:pos x="T20" y="T21"/>
            </a:cxn>
            <a:cxn ang="T95">
              <a:pos x="T22" y="T23"/>
            </a:cxn>
            <a:cxn ang="T96">
              <a:pos x="T24" y="T25"/>
            </a:cxn>
            <a:cxn ang="T97">
              <a:pos x="T26" y="T27"/>
            </a:cxn>
            <a:cxn ang="T98">
              <a:pos x="T28" y="T29"/>
            </a:cxn>
            <a:cxn ang="T99">
              <a:pos x="T30" y="T31"/>
            </a:cxn>
            <a:cxn ang="T100">
              <a:pos x="T32" y="T33"/>
            </a:cxn>
            <a:cxn ang="T101">
              <a:pos x="T34" y="T35"/>
            </a:cxn>
            <a:cxn ang="T102">
              <a:pos x="T36" y="T37"/>
            </a:cxn>
            <a:cxn ang="T103">
              <a:pos x="T38" y="T39"/>
            </a:cxn>
            <a:cxn ang="T104">
              <a:pos x="T40" y="T41"/>
            </a:cxn>
            <a:cxn ang="T105">
              <a:pos x="T42" y="T43"/>
            </a:cxn>
            <a:cxn ang="T106">
              <a:pos x="T44" y="T45"/>
            </a:cxn>
            <a:cxn ang="T107">
              <a:pos x="T46" y="T47"/>
            </a:cxn>
            <a:cxn ang="T108">
              <a:pos x="T48" y="T49"/>
            </a:cxn>
            <a:cxn ang="T109">
              <a:pos x="T50" y="T51"/>
            </a:cxn>
            <a:cxn ang="T110">
              <a:pos x="T52" y="T53"/>
            </a:cxn>
            <a:cxn ang="T111">
              <a:pos x="T54" y="T55"/>
            </a:cxn>
            <a:cxn ang="T112">
              <a:pos x="T56" y="T57"/>
            </a:cxn>
            <a:cxn ang="T113">
              <a:pos x="T58" y="T59"/>
            </a:cxn>
            <a:cxn ang="T114">
              <a:pos x="T60" y="T61"/>
            </a:cxn>
            <a:cxn ang="T115">
              <a:pos x="T62" y="T63"/>
            </a:cxn>
            <a:cxn ang="T116">
              <a:pos x="T64" y="T65"/>
            </a:cxn>
            <a:cxn ang="T117">
              <a:pos x="T66" y="T67"/>
            </a:cxn>
            <a:cxn ang="T118">
              <a:pos x="T68" y="T69"/>
            </a:cxn>
            <a:cxn ang="T119">
              <a:pos x="T70" y="T71"/>
            </a:cxn>
            <a:cxn ang="T120">
              <a:pos x="T72" y="T73"/>
            </a:cxn>
            <a:cxn ang="T121">
              <a:pos x="T74" y="T75"/>
            </a:cxn>
            <a:cxn ang="T122">
              <a:pos x="T76" y="T77"/>
            </a:cxn>
            <a:cxn ang="T123">
              <a:pos x="T78" y="T79"/>
            </a:cxn>
            <a:cxn ang="T124">
              <a:pos x="T80" y="T81"/>
            </a:cxn>
            <a:cxn ang="T125">
              <a:pos x="T82" y="T83"/>
            </a:cxn>
          </a:cxnLst>
          <a:rect l="T126" t="T127" r="T128" b="T129"/>
          <a:pathLst>
            <a:path w="16384" h="16384">
              <a:moveTo>
                <a:pt x="11360" y="626"/>
              </a:moveTo>
              <a:lnTo>
                <a:pt x="11578" y="1044"/>
              </a:lnTo>
              <a:lnTo>
                <a:pt x="11360" y="1461"/>
              </a:lnTo>
              <a:lnTo>
                <a:pt x="11796" y="2087"/>
              </a:lnTo>
              <a:lnTo>
                <a:pt x="12452" y="2505"/>
              </a:lnTo>
              <a:lnTo>
                <a:pt x="12233" y="3026"/>
              </a:lnTo>
              <a:lnTo>
                <a:pt x="12670" y="3339"/>
              </a:lnTo>
              <a:lnTo>
                <a:pt x="12889" y="3757"/>
              </a:lnTo>
              <a:lnTo>
                <a:pt x="12670" y="4174"/>
              </a:lnTo>
              <a:lnTo>
                <a:pt x="12889" y="4800"/>
              </a:lnTo>
              <a:lnTo>
                <a:pt x="12670" y="5218"/>
              </a:lnTo>
              <a:lnTo>
                <a:pt x="12452" y="5427"/>
              </a:lnTo>
              <a:lnTo>
                <a:pt x="12233" y="5740"/>
              </a:lnTo>
              <a:lnTo>
                <a:pt x="13326" y="6366"/>
              </a:lnTo>
              <a:lnTo>
                <a:pt x="13107" y="6888"/>
              </a:lnTo>
              <a:lnTo>
                <a:pt x="13544" y="7305"/>
              </a:lnTo>
              <a:lnTo>
                <a:pt x="13763" y="7827"/>
              </a:lnTo>
              <a:lnTo>
                <a:pt x="13544" y="8140"/>
              </a:lnTo>
              <a:lnTo>
                <a:pt x="12670" y="8349"/>
              </a:lnTo>
              <a:lnTo>
                <a:pt x="12233" y="8766"/>
              </a:lnTo>
              <a:lnTo>
                <a:pt x="12015" y="9601"/>
              </a:lnTo>
              <a:lnTo>
                <a:pt x="12015" y="10018"/>
              </a:lnTo>
              <a:lnTo>
                <a:pt x="15292" y="12418"/>
              </a:lnTo>
              <a:lnTo>
                <a:pt x="16384" y="13462"/>
              </a:lnTo>
              <a:lnTo>
                <a:pt x="16384" y="13984"/>
              </a:lnTo>
              <a:lnTo>
                <a:pt x="16166" y="14506"/>
              </a:lnTo>
              <a:lnTo>
                <a:pt x="15947" y="14923"/>
              </a:lnTo>
              <a:lnTo>
                <a:pt x="15292" y="15236"/>
              </a:lnTo>
              <a:lnTo>
                <a:pt x="14199" y="15132"/>
              </a:lnTo>
              <a:lnTo>
                <a:pt x="13544" y="15445"/>
              </a:lnTo>
              <a:lnTo>
                <a:pt x="12452" y="15654"/>
              </a:lnTo>
              <a:lnTo>
                <a:pt x="11796" y="15862"/>
              </a:lnTo>
              <a:lnTo>
                <a:pt x="11360" y="16280"/>
              </a:lnTo>
              <a:lnTo>
                <a:pt x="10704" y="16384"/>
              </a:lnTo>
              <a:lnTo>
                <a:pt x="9393" y="16175"/>
              </a:lnTo>
              <a:lnTo>
                <a:pt x="8738" y="15549"/>
              </a:lnTo>
              <a:lnTo>
                <a:pt x="7864" y="15236"/>
              </a:lnTo>
              <a:lnTo>
                <a:pt x="6554" y="14923"/>
              </a:lnTo>
              <a:lnTo>
                <a:pt x="5680" y="14714"/>
              </a:lnTo>
              <a:lnTo>
                <a:pt x="4588" y="14297"/>
              </a:lnTo>
              <a:lnTo>
                <a:pt x="3714" y="14193"/>
              </a:lnTo>
              <a:lnTo>
                <a:pt x="2840" y="14088"/>
              </a:lnTo>
              <a:lnTo>
                <a:pt x="3277" y="13671"/>
              </a:lnTo>
              <a:lnTo>
                <a:pt x="3714" y="13462"/>
              </a:lnTo>
              <a:lnTo>
                <a:pt x="5024" y="13149"/>
              </a:lnTo>
              <a:lnTo>
                <a:pt x="6117" y="12627"/>
              </a:lnTo>
              <a:lnTo>
                <a:pt x="6554" y="12105"/>
              </a:lnTo>
              <a:lnTo>
                <a:pt x="6335" y="11584"/>
              </a:lnTo>
              <a:lnTo>
                <a:pt x="6335" y="10957"/>
              </a:lnTo>
              <a:lnTo>
                <a:pt x="6554" y="10644"/>
              </a:lnTo>
              <a:lnTo>
                <a:pt x="7646" y="10853"/>
              </a:lnTo>
              <a:lnTo>
                <a:pt x="7646" y="10644"/>
              </a:lnTo>
              <a:lnTo>
                <a:pt x="6117" y="10227"/>
              </a:lnTo>
              <a:lnTo>
                <a:pt x="5898" y="9810"/>
              </a:lnTo>
              <a:lnTo>
                <a:pt x="4369" y="9496"/>
              </a:lnTo>
              <a:lnTo>
                <a:pt x="2403" y="9079"/>
              </a:lnTo>
              <a:lnTo>
                <a:pt x="1092" y="8662"/>
              </a:lnTo>
              <a:lnTo>
                <a:pt x="0" y="8244"/>
              </a:lnTo>
              <a:lnTo>
                <a:pt x="218" y="7827"/>
              </a:lnTo>
              <a:lnTo>
                <a:pt x="218" y="7409"/>
              </a:lnTo>
              <a:lnTo>
                <a:pt x="437" y="6888"/>
              </a:lnTo>
              <a:lnTo>
                <a:pt x="655" y="6366"/>
              </a:lnTo>
              <a:lnTo>
                <a:pt x="655" y="5948"/>
              </a:lnTo>
              <a:lnTo>
                <a:pt x="1311" y="5844"/>
              </a:lnTo>
              <a:lnTo>
                <a:pt x="1748" y="5531"/>
              </a:lnTo>
              <a:lnTo>
                <a:pt x="1748" y="5218"/>
              </a:lnTo>
              <a:lnTo>
                <a:pt x="1311" y="4905"/>
              </a:lnTo>
              <a:lnTo>
                <a:pt x="655" y="4487"/>
              </a:lnTo>
              <a:lnTo>
                <a:pt x="874" y="4070"/>
              </a:lnTo>
              <a:lnTo>
                <a:pt x="1748" y="3548"/>
              </a:lnTo>
              <a:lnTo>
                <a:pt x="1748" y="3339"/>
              </a:lnTo>
              <a:lnTo>
                <a:pt x="1966" y="2922"/>
              </a:lnTo>
              <a:lnTo>
                <a:pt x="2621" y="2609"/>
              </a:lnTo>
              <a:lnTo>
                <a:pt x="3495" y="2505"/>
              </a:lnTo>
              <a:lnTo>
                <a:pt x="4369" y="2296"/>
              </a:lnTo>
              <a:lnTo>
                <a:pt x="4588" y="1983"/>
              </a:lnTo>
              <a:lnTo>
                <a:pt x="5024" y="1461"/>
              </a:lnTo>
              <a:lnTo>
                <a:pt x="6554" y="1148"/>
              </a:lnTo>
              <a:lnTo>
                <a:pt x="6991" y="939"/>
              </a:lnTo>
              <a:lnTo>
                <a:pt x="7646" y="626"/>
              </a:lnTo>
              <a:lnTo>
                <a:pt x="7646" y="209"/>
              </a:lnTo>
              <a:lnTo>
                <a:pt x="8520" y="0"/>
              </a:lnTo>
              <a:lnTo>
                <a:pt x="9175" y="313"/>
              </a:lnTo>
              <a:lnTo>
                <a:pt x="11360" y="626"/>
              </a:lnTo>
              <a:close/>
            </a:path>
          </a:pathLst>
        </a:custGeom>
        <a:pattFill prst="divot">
          <a:fgClr>
            <a:srgbClr val="000000"/>
          </a:fgClr>
          <a:bgClr>
            <a:srgbClr val="FFFFFF"/>
          </a:bgClr>
        </a:pattFill>
        <a:ln w="38100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0</xdr:col>
      <xdr:colOff>38100</xdr:colOff>
      <xdr:row>16</xdr:row>
      <xdr:rowOff>104775</xdr:rowOff>
    </xdr:from>
    <xdr:to>
      <xdr:col>4</xdr:col>
      <xdr:colOff>476250</xdr:colOff>
      <xdr:row>33</xdr:row>
      <xdr:rowOff>0</xdr:rowOff>
    </xdr:to>
    <xdr:sp macro="" textlink="">
      <xdr:nvSpPr>
        <xdr:cNvPr id="26" name="d14364" descr="縦線">
          <a:extLst>
            <a:ext uri="{FF2B5EF4-FFF2-40B4-BE49-F238E27FC236}">
              <a16:creationId xmlns:a16="http://schemas.microsoft.com/office/drawing/2014/main" id="{00000000-0008-0000-0200-00001A000000}"/>
            </a:ext>
          </a:extLst>
        </xdr:cNvPr>
        <xdr:cNvSpPr>
          <a:spLocks/>
        </xdr:cNvSpPr>
      </xdr:nvSpPr>
      <xdr:spPr bwMode="auto">
        <a:xfrm>
          <a:off x="38100" y="3790950"/>
          <a:ext cx="2876550" cy="248602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w 16384"/>
            <a:gd name="T151" fmla="*/ 0 h 16384"/>
            <a:gd name="T152" fmla="*/ 16384 w 16384"/>
            <a:gd name="T153" fmla="*/ 16384 h 16384"/>
          </a:gdLst>
          <a:ahLst/>
          <a:cxnLst>
            <a:cxn ang="T100">
              <a:pos x="T0" y="T1"/>
            </a:cxn>
            <a:cxn ang="T101">
              <a:pos x="T2" y="T3"/>
            </a:cxn>
            <a:cxn ang="T102">
              <a:pos x="T4" y="T5"/>
            </a:cxn>
            <a:cxn ang="T103">
              <a:pos x="T6" y="T7"/>
            </a:cxn>
            <a:cxn ang="T104">
              <a:pos x="T8" y="T9"/>
            </a:cxn>
            <a:cxn ang="T105">
              <a:pos x="T10" y="T11"/>
            </a:cxn>
            <a:cxn ang="T106">
              <a:pos x="T12" y="T13"/>
            </a:cxn>
            <a:cxn ang="T107">
              <a:pos x="T14" y="T15"/>
            </a:cxn>
            <a:cxn ang="T108">
              <a:pos x="T16" y="T17"/>
            </a:cxn>
            <a:cxn ang="T109">
              <a:pos x="T18" y="T19"/>
            </a:cxn>
            <a:cxn ang="T110">
              <a:pos x="T20" y="T21"/>
            </a:cxn>
            <a:cxn ang="T111">
              <a:pos x="T22" y="T23"/>
            </a:cxn>
            <a:cxn ang="T112">
              <a:pos x="T24" y="T25"/>
            </a:cxn>
            <a:cxn ang="T113">
              <a:pos x="T26" y="T27"/>
            </a:cxn>
            <a:cxn ang="T114">
              <a:pos x="T28" y="T29"/>
            </a:cxn>
            <a:cxn ang="T115">
              <a:pos x="T30" y="T31"/>
            </a:cxn>
            <a:cxn ang="T116">
              <a:pos x="T32" y="T33"/>
            </a:cxn>
            <a:cxn ang="T117">
              <a:pos x="T34" y="T35"/>
            </a:cxn>
            <a:cxn ang="T118">
              <a:pos x="T36" y="T37"/>
            </a:cxn>
            <a:cxn ang="T119">
              <a:pos x="T38" y="T39"/>
            </a:cxn>
            <a:cxn ang="T120">
              <a:pos x="T40" y="T41"/>
            </a:cxn>
            <a:cxn ang="T121">
              <a:pos x="T42" y="T43"/>
            </a:cxn>
            <a:cxn ang="T122">
              <a:pos x="T44" y="T45"/>
            </a:cxn>
            <a:cxn ang="T123">
              <a:pos x="T46" y="T47"/>
            </a:cxn>
            <a:cxn ang="T124">
              <a:pos x="T48" y="T49"/>
            </a:cxn>
            <a:cxn ang="T125">
              <a:pos x="T50" y="T51"/>
            </a:cxn>
            <a:cxn ang="T126">
              <a:pos x="T52" y="T53"/>
            </a:cxn>
            <a:cxn ang="T127">
              <a:pos x="T54" y="T55"/>
            </a:cxn>
            <a:cxn ang="T128">
              <a:pos x="T56" y="T57"/>
            </a:cxn>
            <a:cxn ang="T129">
              <a:pos x="T58" y="T59"/>
            </a:cxn>
            <a:cxn ang="T130">
              <a:pos x="T60" y="T61"/>
            </a:cxn>
            <a:cxn ang="T131">
              <a:pos x="T62" y="T63"/>
            </a:cxn>
            <a:cxn ang="T132">
              <a:pos x="T64" y="T65"/>
            </a:cxn>
            <a:cxn ang="T133">
              <a:pos x="T66" y="T67"/>
            </a:cxn>
            <a:cxn ang="T134">
              <a:pos x="T68" y="T69"/>
            </a:cxn>
            <a:cxn ang="T135">
              <a:pos x="T70" y="T71"/>
            </a:cxn>
            <a:cxn ang="T136">
              <a:pos x="T72" y="T73"/>
            </a:cxn>
            <a:cxn ang="T137">
              <a:pos x="T74" y="T75"/>
            </a:cxn>
            <a:cxn ang="T138">
              <a:pos x="T76" y="T77"/>
            </a:cxn>
            <a:cxn ang="T139">
              <a:pos x="T78" y="T79"/>
            </a:cxn>
            <a:cxn ang="T140">
              <a:pos x="T80" y="T81"/>
            </a:cxn>
            <a:cxn ang="T141">
              <a:pos x="T82" y="T83"/>
            </a:cxn>
            <a:cxn ang="T142">
              <a:pos x="T84" y="T85"/>
            </a:cxn>
            <a:cxn ang="T143">
              <a:pos x="T86" y="T87"/>
            </a:cxn>
            <a:cxn ang="T144">
              <a:pos x="T88" y="T89"/>
            </a:cxn>
            <a:cxn ang="T145">
              <a:pos x="T90" y="T91"/>
            </a:cxn>
            <a:cxn ang="T146">
              <a:pos x="T92" y="T93"/>
            </a:cxn>
            <a:cxn ang="T147">
              <a:pos x="T94" y="T95"/>
            </a:cxn>
            <a:cxn ang="T148">
              <a:pos x="T96" y="T97"/>
            </a:cxn>
            <a:cxn ang="T149">
              <a:pos x="T98" y="T99"/>
            </a:cxn>
          </a:cxnLst>
          <a:rect l="T150" t="T151" r="T152" b="T153"/>
          <a:pathLst>
            <a:path w="16384" h="16384">
              <a:moveTo>
                <a:pt x="217" y="9918"/>
              </a:moveTo>
              <a:lnTo>
                <a:pt x="0" y="9730"/>
              </a:lnTo>
              <a:cubicBezTo>
                <a:pt x="72" y="9500"/>
                <a:pt x="145" y="9269"/>
                <a:pt x="217" y="9039"/>
              </a:cubicBezTo>
              <a:lnTo>
                <a:pt x="597" y="8788"/>
              </a:lnTo>
              <a:lnTo>
                <a:pt x="814" y="8600"/>
              </a:lnTo>
              <a:cubicBezTo>
                <a:pt x="796" y="8516"/>
                <a:pt x="778" y="8433"/>
                <a:pt x="760" y="8349"/>
              </a:cubicBezTo>
              <a:lnTo>
                <a:pt x="1031" y="8161"/>
              </a:lnTo>
              <a:lnTo>
                <a:pt x="1031" y="7784"/>
              </a:lnTo>
              <a:cubicBezTo>
                <a:pt x="1013" y="7679"/>
                <a:pt x="995" y="7575"/>
                <a:pt x="977" y="7470"/>
              </a:cubicBezTo>
              <a:cubicBezTo>
                <a:pt x="923" y="7407"/>
                <a:pt x="868" y="7345"/>
                <a:pt x="814" y="7282"/>
              </a:cubicBezTo>
              <a:cubicBezTo>
                <a:pt x="832" y="7156"/>
                <a:pt x="850" y="7031"/>
                <a:pt x="868" y="6905"/>
              </a:cubicBezTo>
              <a:cubicBezTo>
                <a:pt x="886" y="6779"/>
                <a:pt x="904" y="6654"/>
                <a:pt x="922" y="6528"/>
              </a:cubicBezTo>
              <a:lnTo>
                <a:pt x="1139" y="6277"/>
              </a:lnTo>
              <a:lnTo>
                <a:pt x="1356" y="5964"/>
              </a:lnTo>
              <a:lnTo>
                <a:pt x="1465" y="5901"/>
              </a:lnTo>
              <a:cubicBezTo>
                <a:pt x="1519" y="5796"/>
                <a:pt x="1574" y="5692"/>
                <a:pt x="1628" y="5587"/>
              </a:cubicBezTo>
              <a:lnTo>
                <a:pt x="1899" y="5399"/>
              </a:lnTo>
              <a:lnTo>
                <a:pt x="2170" y="5085"/>
              </a:lnTo>
              <a:lnTo>
                <a:pt x="2441" y="4896"/>
              </a:lnTo>
              <a:cubicBezTo>
                <a:pt x="2513" y="4791"/>
                <a:pt x="2586" y="4687"/>
                <a:pt x="2658" y="4582"/>
              </a:cubicBezTo>
              <a:lnTo>
                <a:pt x="2984" y="4394"/>
              </a:lnTo>
              <a:lnTo>
                <a:pt x="3201" y="4394"/>
              </a:lnTo>
              <a:cubicBezTo>
                <a:pt x="3255" y="4352"/>
                <a:pt x="3310" y="4311"/>
                <a:pt x="3364" y="4269"/>
              </a:cubicBezTo>
              <a:lnTo>
                <a:pt x="3635" y="4269"/>
              </a:lnTo>
              <a:lnTo>
                <a:pt x="3743" y="4018"/>
              </a:lnTo>
              <a:lnTo>
                <a:pt x="3960" y="3955"/>
              </a:lnTo>
              <a:cubicBezTo>
                <a:pt x="4014" y="4039"/>
                <a:pt x="4069" y="4122"/>
                <a:pt x="4123" y="4206"/>
              </a:cubicBezTo>
              <a:lnTo>
                <a:pt x="4286" y="4206"/>
              </a:lnTo>
              <a:lnTo>
                <a:pt x="4394" y="3955"/>
              </a:lnTo>
              <a:lnTo>
                <a:pt x="4611" y="3829"/>
              </a:lnTo>
              <a:cubicBezTo>
                <a:pt x="4647" y="3745"/>
                <a:pt x="4684" y="3662"/>
                <a:pt x="4720" y="3578"/>
              </a:cubicBezTo>
              <a:lnTo>
                <a:pt x="4991" y="3327"/>
              </a:lnTo>
              <a:lnTo>
                <a:pt x="5154" y="3390"/>
              </a:lnTo>
              <a:lnTo>
                <a:pt x="5479" y="3264"/>
              </a:lnTo>
              <a:lnTo>
                <a:pt x="5913" y="3264"/>
              </a:lnTo>
              <a:lnTo>
                <a:pt x="6293" y="3139"/>
              </a:lnTo>
              <a:lnTo>
                <a:pt x="6510" y="2888"/>
              </a:lnTo>
              <a:lnTo>
                <a:pt x="6890" y="2888"/>
              </a:lnTo>
              <a:lnTo>
                <a:pt x="7107" y="2762"/>
              </a:lnTo>
              <a:lnTo>
                <a:pt x="7324" y="2825"/>
              </a:lnTo>
              <a:cubicBezTo>
                <a:pt x="7378" y="2678"/>
                <a:pt x="7433" y="2532"/>
                <a:pt x="7487" y="2385"/>
              </a:cubicBezTo>
              <a:lnTo>
                <a:pt x="7595" y="2134"/>
              </a:lnTo>
              <a:lnTo>
                <a:pt x="7866" y="1883"/>
              </a:lnTo>
              <a:lnTo>
                <a:pt x="8083" y="1758"/>
              </a:lnTo>
              <a:lnTo>
                <a:pt x="8301" y="1318"/>
              </a:lnTo>
              <a:lnTo>
                <a:pt x="8518" y="1130"/>
              </a:lnTo>
              <a:lnTo>
                <a:pt x="8518" y="753"/>
              </a:lnTo>
              <a:cubicBezTo>
                <a:pt x="8536" y="648"/>
                <a:pt x="8554" y="544"/>
                <a:pt x="8572" y="439"/>
              </a:cubicBezTo>
              <a:lnTo>
                <a:pt x="8789" y="0"/>
              </a:lnTo>
              <a:lnTo>
                <a:pt x="9060" y="188"/>
              </a:lnTo>
              <a:lnTo>
                <a:pt x="9223" y="251"/>
              </a:lnTo>
              <a:lnTo>
                <a:pt x="9440" y="314"/>
              </a:lnTo>
              <a:lnTo>
                <a:pt x="9657" y="251"/>
              </a:lnTo>
              <a:lnTo>
                <a:pt x="9928" y="188"/>
              </a:lnTo>
              <a:lnTo>
                <a:pt x="10145" y="63"/>
              </a:lnTo>
              <a:cubicBezTo>
                <a:pt x="10181" y="147"/>
                <a:pt x="10218" y="230"/>
                <a:pt x="10254" y="314"/>
              </a:cubicBezTo>
              <a:lnTo>
                <a:pt x="10254" y="565"/>
              </a:lnTo>
              <a:cubicBezTo>
                <a:pt x="10236" y="607"/>
                <a:pt x="10217" y="649"/>
                <a:pt x="10199" y="691"/>
              </a:cubicBezTo>
              <a:lnTo>
                <a:pt x="10416" y="942"/>
              </a:lnTo>
              <a:cubicBezTo>
                <a:pt x="10434" y="1067"/>
                <a:pt x="10453" y="1193"/>
                <a:pt x="10471" y="1318"/>
              </a:cubicBezTo>
              <a:lnTo>
                <a:pt x="10579" y="1507"/>
              </a:lnTo>
              <a:lnTo>
                <a:pt x="11339" y="1695"/>
              </a:lnTo>
              <a:lnTo>
                <a:pt x="11501" y="1820"/>
              </a:lnTo>
              <a:cubicBezTo>
                <a:pt x="11555" y="1925"/>
                <a:pt x="11610" y="2029"/>
                <a:pt x="11664" y="2134"/>
              </a:cubicBezTo>
              <a:lnTo>
                <a:pt x="11881" y="2197"/>
              </a:lnTo>
              <a:cubicBezTo>
                <a:pt x="11935" y="2260"/>
                <a:pt x="11990" y="2322"/>
                <a:pt x="12044" y="2385"/>
              </a:cubicBezTo>
              <a:lnTo>
                <a:pt x="12207" y="2574"/>
              </a:lnTo>
              <a:lnTo>
                <a:pt x="12315" y="2950"/>
              </a:lnTo>
              <a:lnTo>
                <a:pt x="12695" y="3013"/>
              </a:lnTo>
              <a:lnTo>
                <a:pt x="13400" y="3264"/>
              </a:lnTo>
              <a:lnTo>
                <a:pt x="13671" y="3201"/>
              </a:lnTo>
              <a:lnTo>
                <a:pt x="13888" y="2950"/>
              </a:lnTo>
              <a:lnTo>
                <a:pt x="14214" y="2637"/>
              </a:lnTo>
              <a:lnTo>
                <a:pt x="14485" y="2323"/>
              </a:lnTo>
              <a:lnTo>
                <a:pt x="14865" y="2385"/>
              </a:lnTo>
              <a:lnTo>
                <a:pt x="15136" y="2574"/>
              </a:lnTo>
              <a:cubicBezTo>
                <a:pt x="15154" y="2720"/>
                <a:pt x="15172" y="2867"/>
                <a:pt x="15190" y="3013"/>
              </a:cubicBezTo>
              <a:lnTo>
                <a:pt x="15353" y="3139"/>
              </a:lnTo>
              <a:lnTo>
                <a:pt x="15570" y="3201"/>
              </a:lnTo>
              <a:lnTo>
                <a:pt x="15787" y="3076"/>
              </a:lnTo>
              <a:lnTo>
                <a:pt x="16058" y="3139"/>
              </a:lnTo>
              <a:cubicBezTo>
                <a:pt x="16112" y="3202"/>
                <a:pt x="16167" y="3264"/>
                <a:pt x="16221" y="3327"/>
              </a:cubicBezTo>
              <a:lnTo>
                <a:pt x="16221" y="3641"/>
              </a:lnTo>
              <a:cubicBezTo>
                <a:pt x="16239" y="3704"/>
                <a:pt x="16257" y="3766"/>
                <a:pt x="16275" y="3829"/>
              </a:cubicBezTo>
              <a:cubicBezTo>
                <a:pt x="16311" y="3871"/>
                <a:pt x="16348" y="3913"/>
                <a:pt x="16384" y="3955"/>
              </a:cubicBezTo>
              <a:lnTo>
                <a:pt x="16384" y="4457"/>
              </a:lnTo>
              <a:cubicBezTo>
                <a:pt x="16348" y="4541"/>
                <a:pt x="16311" y="4624"/>
                <a:pt x="16275" y="4708"/>
              </a:cubicBezTo>
              <a:cubicBezTo>
                <a:pt x="16293" y="4792"/>
                <a:pt x="16312" y="4875"/>
                <a:pt x="16330" y="4959"/>
              </a:cubicBezTo>
              <a:cubicBezTo>
                <a:pt x="16294" y="5043"/>
                <a:pt x="16257" y="5126"/>
                <a:pt x="16221" y="5210"/>
              </a:cubicBezTo>
              <a:cubicBezTo>
                <a:pt x="16167" y="5336"/>
                <a:pt x="16112" y="5461"/>
                <a:pt x="16058" y="5587"/>
              </a:cubicBezTo>
              <a:lnTo>
                <a:pt x="15841" y="5650"/>
              </a:lnTo>
              <a:lnTo>
                <a:pt x="15624" y="6026"/>
              </a:lnTo>
              <a:lnTo>
                <a:pt x="15245" y="6089"/>
              </a:lnTo>
              <a:lnTo>
                <a:pt x="14865" y="6152"/>
              </a:lnTo>
              <a:cubicBezTo>
                <a:pt x="14847" y="6215"/>
                <a:pt x="14829" y="6277"/>
                <a:pt x="14811" y="6340"/>
              </a:cubicBezTo>
              <a:lnTo>
                <a:pt x="14268" y="6152"/>
              </a:lnTo>
              <a:cubicBezTo>
                <a:pt x="14214" y="6089"/>
                <a:pt x="14159" y="6027"/>
                <a:pt x="14105" y="5964"/>
              </a:cubicBezTo>
              <a:lnTo>
                <a:pt x="13888" y="6089"/>
              </a:lnTo>
              <a:lnTo>
                <a:pt x="13888" y="6340"/>
              </a:lnTo>
              <a:lnTo>
                <a:pt x="13726" y="6528"/>
              </a:lnTo>
              <a:cubicBezTo>
                <a:pt x="13690" y="6570"/>
                <a:pt x="13653" y="6612"/>
                <a:pt x="13617" y="6654"/>
              </a:cubicBezTo>
              <a:lnTo>
                <a:pt x="13237" y="6842"/>
              </a:lnTo>
              <a:lnTo>
                <a:pt x="13129" y="7156"/>
              </a:lnTo>
              <a:lnTo>
                <a:pt x="13075" y="7345"/>
              </a:lnTo>
              <a:lnTo>
                <a:pt x="12858" y="7470"/>
              </a:lnTo>
              <a:lnTo>
                <a:pt x="12641" y="7533"/>
              </a:lnTo>
              <a:cubicBezTo>
                <a:pt x="12587" y="7596"/>
                <a:pt x="12532" y="7658"/>
                <a:pt x="12478" y="7721"/>
              </a:cubicBezTo>
              <a:cubicBezTo>
                <a:pt x="12460" y="7805"/>
                <a:pt x="12442" y="7888"/>
                <a:pt x="12424" y="7972"/>
              </a:cubicBezTo>
              <a:lnTo>
                <a:pt x="12424" y="8098"/>
              </a:lnTo>
              <a:cubicBezTo>
                <a:pt x="12352" y="8203"/>
                <a:pt x="12279" y="8307"/>
                <a:pt x="12207" y="8412"/>
              </a:cubicBezTo>
              <a:cubicBezTo>
                <a:pt x="12189" y="8496"/>
                <a:pt x="12170" y="8579"/>
                <a:pt x="12152" y="8663"/>
              </a:cubicBezTo>
              <a:cubicBezTo>
                <a:pt x="12206" y="8747"/>
                <a:pt x="12261" y="8830"/>
                <a:pt x="12315" y="8914"/>
              </a:cubicBezTo>
              <a:cubicBezTo>
                <a:pt x="12351" y="8977"/>
                <a:pt x="12388" y="9039"/>
                <a:pt x="12424" y="9102"/>
              </a:cubicBezTo>
              <a:lnTo>
                <a:pt x="12424" y="9291"/>
              </a:lnTo>
              <a:cubicBezTo>
                <a:pt x="12388" y="9354"/>
                <a:pt x="12351" y="9416"/>
                <a:pt x="12315" y="9479"/>
              </a:cubicBezTo>
              <a:lnTo>
                <a:pt x="12152" y="9542"/>
              </a:lnTo>
              <a:lnTo>
                <a:pt x="12152" y="9793"/>
              </a:lnTo>
              <a:cubicBezTo>
                <a:pt x="12134" y="9898"/>
                <a:pt x="12116" y="10002"/>
                <a:pt x="12098" y="10107"/>
              </a:cubicBezTo>
              <a:cubicBezTo>
                <a:pt x="12080" y="10211"/>
                <a:pt x="12062" y="10316"/>
                <a:pt x="12044" y="10420"/>
              </a:cubicBezTo>
              <a:lnTo>
                <a:pt x="12044" y="10672"/>
              </a:lnTo>
              <a:cubicBezTo>
                <a:pt x="12026" y="10756"/>
                <a:pt x="12008" y="10839"/>
                <a:pt x="11990" y="10923"/>
              </a:cubicBezTo>
              <a:lnTo>
                <a:pt x="12261" y="11174"/>
              </a:lnTo>
              <a:lnTo>
                <a:pt x="12586" y="11425"/>
              </a:lnTo>
              <a:lnTo>
                <a:pt x="13075" y="11676"/>
              </a:lnTo>
              <a:lnTo>
                <a:pt x="13454" y="11864"/>
              </a:lnTo>
              <a:cubicBezTo>
                <a:pt x="13472" y="11948"/>
                <a:pt x="13491" y="12031"/>
                <a:pt x="13509" y="12115"/>
              </a:cubicBezTo>
              <a:lnTo>
                <a:pt x="13888" y="12366"/>
              </a:lnTo>
              <a:lnTo>
                <a:pt x="13888" y="12492"/>
              </a:lnTo>
              <a:lnTo>
                <a:pt x="13617" y="12366"/>
              </a:lnTo>
              <a:lnTo>
                <a:pt x="13563" y="12555"/>
              </a:lnTo>
              <a:lnTo>
                <a:pt x="13563" y="12931"/>
              </a:lnTo>
              <a:cubicBezTo>
                <a:pt x="13581" y="13036"/>
                <a:pt x="13599" y="13140"/>
                <a:pt x="13617" y="13245"/>
              </a:cubicBezTo>
              <a:lnTo>
                <a:pt x="13509" y="13559"/>
              </a:lnTo>
              <a:lnTo>
                <a:pt x="13237" y="13873"/>
              </a:lnTo>
              <a:lnTo>
                <a:pt x="12912" y="14061"/>
              </a:lnTo>
              <a:cubicBezTo>
                <a:pt x="12876" y="14103"/>
                <a:pt x="12839" y="14145"/>
                <a:pt x="12803" y="14187"/>
              </a:cubicBezTo>
              <a:lnTo>
                <a:pt x="12695" y="14438"/>
              </a:lnTo>
              <a:lnTo>
                <a:pt x="12369" y="14501"/>
              </a:lnTo>
              <a:lnTo>
                <a:pt x="12152" y="14626"/>
              </a:lnTo>
              <a:lnTo>
                <a:pt x="11827" y="14877"/>
              </a:lnTo>
              <a:lnTo>
                <a:pt x="11556" y="14689"/>
              </a:lnTo>
              <a:lnTo>
                <a:pt x="11339" y="14626"/>
              </a:lnTo>
              <a:lnTo>
                <a:pt x="11067" y="14689"/>
              </a:lnTo>
              <a:lnTo>
                <a:pt x="10796" y="14564"/>
              </a:lnTo>
              <a:lnTo>
                <a:pt x="10579" y="14815"/>
              </a:lnTo>
              <a:lnTo>
                <a:pt x="10254" y="14940"/>
              </a:lnTo>
              <a:lnTo>
                <a:pt x="9820" y="14815"/>
              </a:lnTo>
              <a:lnTo>
                <a:pt x="9548" y="14626"/>
              </a:lnTo>
              <a:lnTo>
                <a:pt x="9440" y="14501"/>
              </a:lnTo>
              <a:lnTo>
                <a:pt x="9114" y="14501"/>
              </a:lnTo>
              <a:lnTo>
                <a:pt x="8897" y="14564"/>
              </a:lnTo>
              <a:lnTo>
                <a:pt x="8735" y="14877"/>
              </a:lnTo>
              <a:lnTo>
                <a:pt x="8626" y="14940"/>
              </a:lnTo>
              <a:lnTo>
                <a:pt x="8246" y="14940"/>
              </a:lnTo>
              <a:lnTo>
                <a:pt x="8029" y="15129"/>
              </a:lnTo>
              <a:lnTo>
                <a:pt x="7866" y="15442"/>
              </a:lnTo>
              <a:lnTo>
                <a:pt x="7595" y="15631"/>
              </a:lnTo>
              <a:lnTo>
                <a:pt x="7487" y="15819"/>
              </a:lnTo>
              <a:cubicBezTo>
                <a:pt x="7505" y="15945"/>
                <a:pt x="7523" y="16070"/>
                <a:pt x="7541" y="16196"/>
              </a:cubicBezTo>
              <a:lnTo>
                <a:pt x="7324" y="16258"/>
              </a:lnTo>
              <a:lnTo>
                <a:pt x="7107" y="16258"/>
              </a:lnTo>
              <a:lnTo>
                <a:pt x="6836" y="16196"/>
              </a:lnTo>
              <a:cubicBezTo>
                <a:pt x="6782" y="16259"/>
                <a:pt x="6727" y="16321"/>
                <a:pt x="6673" y="16384"/>
              </a:cubicBezTo>
              <a:cubicBezTo>
                <a:pt x="6637" y="16321"/>
                <a:pt x="6600" y="16259"/>
                <a:pt x="6564" y="16196"/>
              </a:cubicBezTo>
              <a:lnTo>
                <a:pt x="6293" y="15945"/>
              </a:lnTo>
              <a:lnTo>
                <a:pt x="6185" y="15442"/>
              </a:lnTo>
              <a:cubicBezTo>
                <a:pt x="6203" y="15338"/>
                <a:pt x="6221" y="15233"/>
                <a:pt x="6239" y="15129"/>
              </a:cubicBezTo>
              <a:cubicBezTo>
                <a:pt x="6203" y="15066"/>
                <a:pt x="6166" y="15003"/>
                <a:pt x="6130" y="14940"/>
              </a:cubicBezTo>
              <a:lnTo>
                <a:pt x="6022" y="14501"/>
              </a:lnTo>
              <a:cubicBezTo>
                <a:pt x="6094" y="14396"/>
                <a:pt x="6167" y="14292"/>
                <a:pt x="6239" y="14187"/>
              </a:cubicBezTo>
              <a:cubicBezTo>
                <a:pt x="6257" y="14082"/>
                <a:pt x="6275" y="13978"/>
                <a:pt x="6293" y="13873"/>
              </a:cubicBezTo>
              <a:lnTo>
                <a:pt x="6076" y="13685"/>
              </a:lnTo>
              <a:cubicBezTo>
                <a:pt x="6058" y="13559"/>
                <a:pt x="6040" y="13434"/>
                <a:pt x="6022" y="13308"/>
              </a:cubicBezTo>
              <a:cubicBezTo>
                <a:pt x="6004" y="13182"/>
                <a:pt x="5986" y="13057"/>
                <a:pt x="5968" y="12931"/>
              </a:cubicBezTo>
              <a:cubicBezTo>
                <a:pt x="5932" y="12847"/>
                <a:pt x="5895" y="12764"/>
                <a:pt x="5859" y="12680"/>
              </a:cubicBezTo>
              <a:lnTo>
                <a:pt x="5859" y="12241"/>
              </a:lnTo>
              <a:cubicBezTo>
                <a:pt x="5805" y="12157"/>
                <a:pt x="5750" y="12074"/>
                <a:pt x="5696" y="11990"/>
              </a:cubicBezTo>
              <a:cubicBezTo>
                <a:pt x="5678" y="11927"/>
                <a:pt x="5660" y="11865"/>
                <a:pt x="5642" y="11802"/>
              </a:cubicBezTo>
              <a:lnTo>
                <a:pt x="5479" y="11676"/>
              </a:lnTo>
              <a:lnTo>
                <a:pt x="5479" y="11299"/>
              </a:lnTo>
              <a:cubicBezTo>
                <a:pt x="5533" y="11153"/>
                <a:pt x="5588" y="11006"/>
                <a:pt x="5642" y="10860"/>
              </a:cubicBezTo>
              <a:cubicBezTo>
                <a:pt x="5660" y="10734"/>
                <a:pt x="5678" y="10609"/>
                <a:pt x="5696" y="10483"/>
              </a:cubicBezTo>
              <a:cubicBezTo>
                <a:pt x="5678" y="10358"/>
                <a:pt x="5660" y="10232"/>
                <a:pt x="5642" y="10107"/>
              </a:cubicBezTo>
              <a:cubicBezTo>
                <a:pt x="5588" y="10023"/>
                <a:pt x="5533" y="9940"/>
                <a:pt x="5479" y="9856"/>
              </a:cubicBezTo>
              <a:lnTo>
                <a:pt x="5317" y="9730"/>
              </a:lnTo>
              <a:lnTo>
                <a:pt x="5100" y="9730"/>
              </a:lnTo>
              <a:lnTo>
                <a:pt x="4828" y="9793"/>
              </a:lnTo>
              <a:lnTo>
                <a:pt x="4611" y="9918"/>
              </a:lnTo>
              <a:lnTo>
                <a:pt x="4503" y="9730"/>
              </a:lnTo>
              <a:lnTo>
                <a:pt x="4069" y="9667"/>
              </a:lnTo>
              <a:lnTo>
                <a:pt x="3906" y="9667"/>
              </a:lnTo>
              <a:lnTo>
                <a:pt x="3689" y="9604"/>
              </a:lnTo>
              <a:lnTo>
                <a:pt x="3364" y="9918"/>
              </a:lnTo>
              <a:lnTo>
                <a:pt x="3201" y="9918"/>
              </a:lnTo>
              <a:lnTo>
                <a:pt x="2767" y="9981"/>
              </a:lnTo>
              <a:lnTo>
                <a:pt x="2441" y="9856"/>
              </a:lnTo>
              <a:lnTo>
                <a:pt x="2170" y="9981"/>
              </a:lnTo>
              <a:lnTo>
                <a:pt x="1953" y="10169"/>
              </a:lnTo>
              <a:lnTo>
                <a:pt x="1628" y="10107"/>
              </a:lnTo>
              <a:lnTo>
                <a:pt x="1356" y="10107"/>
              </a:lnTo>
              <a:lnTo>
                <a:pt x="1085" y="9918"/>
              </a:lnTo>
              <a:lnTo>
                <a:pt x="814" y="9981"/>
              </a:lnTo>
              <a:lnTo>
                <a:pt x="217" y="9918"/>
              </a:lnTo>
            </a:path>
          </a:pathLst>
        </a:custGeom>
        <a:pattFill prst="ltVert">
          <a:fgClr>
            <a:srgbClr val="000000"/>
          </a:fgClr>
          <a:bgClr>
            <a:srgbClr val="FFFFFF"/>
          </a:bgClr>
        </a:pattFill>
        <a:ln w="38100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3</xdr:col>
      <xdr:colOff>400050</xdr:colOff>
      <xdr:row>31</xdr:row>
      <xdr:rowOff>9525</xdr:rowOff>
    </xdr:from>
    <xdr:to>
      <xdr:col>4</xdr:col>
      <xdr:colOff>200025</xdr:colOff>
      <xdr:row>34</xdr:row>
      <xdr:rowOff>38100</xdr:rowOff>
    </xdr:to>
    <xdr:sp macro="" textlink="">
      <xdr:nvSpPr>
        <xdr:cNvPr id="27" name="d14366" descr="縦線">
          <a:extLst>
            <a:ext uri="{FF2B5EF4-FFF2-40B4-BE49-F238E27FC236}">
              <a16:creationId xmlns:a16="http://schemas.microsoft.com/office/drawing/2014/main" id="{00000000-0008-0000-0200-00001B000000}"/>
            </a:ext>
          </a:extLst>
        </xdr:cNvPr>
        <xdr:cNvSpPr>
          <a:spLocks/>
        </xdr:cNvSpPr>
      </xdr:nvSpPr>
      <xdr:spPr bwMode="auto">
        <a:xfrm>
          <a:off x="2228850" y="5981700"/>
          <a:ext cx="409575" cy="48577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0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0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0 60000 65536"/>
            <a:gd name="T67" fmla="*/ 0 60000 65536"/>
            <a:gd name="T68" fmla="*/ 0 60000 65536"/>
            <a:gd name="T69" fmla="*/ 0 60000 65536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w 16384"/>
            <a:gd name="T100" fmla="*/ 0 h 16384"/>
            <a:gd name="T101" fmla="*/ 16384 w 16384"/>
            <a:gd name="T102" fmla="*/ 16384 h 16384"/>
          </a:gdLst>
          <a:ahLst/>
          <a:cxnLst>
            <a:cxn ang="T66">
              <a:pos x="T0" y="T1"/>
            </a:cxn>
            <a:cxn ang="T67">
              <a:pos x="T2" y="T3"/>
            </a:cxn>
            <a:cxn ang="T68">
              <a:pos x="T4" y="T5"/>
            </a:cxn>
            <a:cxn ang="T69">
              <a:pos x="T6" y="T7"/>
            </a:cxn>
            <a:cxn ang="T70">
              <a:pos x="T8" y="T9"/>
            </a:cxn>
            <a:cxn ang="T71">
              <a:pos x="T10" y="T11"/>
            </a:cxn>
            <a:cxn ang="T72">
              <a:pos x="T12" y="T13"/>
            </a:cxn>
            <a:cxn ang="T73">
              <a:pos x="T14" y="T15"/>
            </a:cxn>
            <a:cxn ang="T74">
              <a:pos x="T16" y="T17"/>
            </a:cxn>
            <a:cxn ang="T75">
              <a:pos x="T18" y="T19"/>
            </a:cxn>
            <a:cxn ang="T76">
              <a:pos x="T20" y="T21"/>
            </a:cxn>
            <a:cxn ang="T77">
              <a:pos x="T22" y="T23"/>
            </a:cxn>
            <a:cxn ang="T78">
              <a:pos x="T24" y="T25"/>
            </a:cxn>
            <a:cxn ang="T79">
              <a:pos x="T26" y="T27"/>
            </a:cxn>
            <a:cxn ang="T80">
              <a:pos x="T28" y="T29"/>
            </a:cxn>
            <a:cxn ang="T81">
              <a:pos x="T30" y="T31"/>
            </a:cxn>
            <a:cxn ang="T82">
              <a:pos x="T32" y="T33"/>
            </a:cxn>
            <a:cxn ang="T83">
              <a:pos x="T34" y="T35"/>
            </a:cxn>
            <a:cxn ang="T84">
              <a:pos x="T36" y="T37"/>
            </a:cxn>
            <a:cxn ang="T85">
              <a:pos x="T38" y="T39"/>
            </a:cxn>
            <a:cxn ang="T86">
              <a:pos x="T40" y="T41"/>
            </a:cxn>
            <a:cxn ang="T87">
              <a:pos x="T42" y="T43"/>
            </a:cxn>
            <a:cxn ang="T88">
              <a:pos x="T44" y="T45"/>
            </a:cxn>
            <a:cxn ang="T89">
              <a:pos x="T46" y="T47"/>
            </a:cxn>
            <a:cxn ang="T90">
              <a:pos x="T48" y="T49"/>
            </a:cxn>
            <a:cxn ang="T91">
              <a:pos x="T50" y="T51"/>
            </a:cxn>
            <a:cxn ang="T92">
              <a:pos x="T52" y="T53"/>
            </a:cxn>
            <a:cxn ang="T93">
              <a:pos x="T54" y="T55"/>
            </a:cxn>
            <a:cxn ang="T94">
              <a:pos x="T56" y="T57"/>
            </a:cxn>
            <a:cxn ang="T95">
              <a:pos x="T58" y="T59"/>
            </a:cxn>
            <a:cxn ang="T96">
              <a:pos x="T60" y="T61"/>
            </a:cxn>
            <a:cxn ang="T97">
              <a:pos x="T62" y="T63"/>
            </a:cxn>
            <a:cxn ang="T98">
              <a:pos x="T64" y="T65"/>
            </a:cxn>
          </a:cxnLst>
          <a:rect l="T99" t="T100" r="T101" b="T102"/>
          <a:pathLst>
            <a:path w="16384" h="16384">
              <a:moveTo>
                <a:pt x="16384" y="12674"/>
              </a:moveTo>
              <a:lnTo>
                <a:pt x="14860" y="12674"/>
              </a:lnTo>
              <a:lnTo>
                <a:pt x="14098" y="14220"/>
              </a:lnTo>
              <a:lnTo>
                <a:pt x="12574" y="14838"/>
              </a:lnTo>
              <a:lnTo>
                <a:pt x="11431" y="15457"/>
              </a:lnTo>
              <a:lnTo>
                <a:pt x="11050" y="16384"/>
              </a:lnTo>
              <a:lnTo>
                <a:pt x="9907" y="16384"/>
              </a:lnTo>
              <a:lnTo>
                <a:pt x="9526" y="15147"/>
              </a:lnTo>
              <a:lnTo>
                <a:pt x="8383" y="14838"/>
              </a:lnTo>
              <a:lnTo>
                <a:pt x="6858" y="14529"/>
              </a:lnTo>
              <a:lnTo>
                <a:pt x="6477" y="13911"/>
              </a:lnTo>
              <a:lnTo>
                <a:pt x="5715" y="11747"/>
              </a:lnTo>
              <a:lnTo>
                <a:pt x="4572" y="9583"/>
              </a:lnTo>
              <a:lnTo>
                <a:pt x="4191" y="7419"/>
              </a:lnTo>
              <a:lnTo>
                <a:pt x="3810" y="6183"/>
              </a:lnTo>
              <a:lnTo>
                <a:pt x="2286" y="5255"/>
              </a:lnTo>
              <a:lnTo>
                <a:pt x="1143" y="4637"/>
              </a:lnTo>
              <a:lnTo>
                <a:pt x="0" y="3091"/>
              </a:lnTo>
              <a:lnTo>
                <a:pt x="1143" y="1855"/>
              </a:lnTo>
              <a:lnTo>
                <a:pt x="1524" y="927"/>
              </a:lnTo>
              <a:lnTo>
                <a:pt x="1524" y="0"/>
              </a:lnTo>
              <a:lnTo>
                <a:pt x="3048" y="309"/>
              </a:lnTo>
              <a:lnTo>
                <a:pt x="4572" y="618"/>
              </a:lnTo>
              <a:lnTo>
                <a:pt x="6477" y="1855"/>
              </a:lnTo>
              <a:lnTo>
                <a:pt x="8001" y="2473"/>
              </a:lnTo>
              <a:lnTo>
                <a:pt x="10288" y="3400"/>
              </a:lnTo>
              <a:lnTo>
                <a:pt x="11812" y="4328"/>
              </a:lnTo>
              <a:lnTo>
                <a:pt x="12955" y="6183"/>
              </a:lnTo>
              <a:lnTo>
                <a:pt x="12955" y="7728"/>
              </a:lnTo>
              <a:lnTo>
                <a:pt x="13336" y="9274"/>
              </a:lnTo>
              <a:lnTo>
                <a:pt x="14860" y="10510"/>
              </a:lnTo>
              <a:lnTo>
                <a:pt x="16003" y="12056"/>
              </a:lnTo>
              <a:lnTo>
                <a:pt x="16384" y="12674"/>
              </a:lnTo>
              <a:close/>
            </a:path>
          </a:pathLst>
        </a:custGeom>
        <a:pattFill prst="ltVert">
          <a:fgClr>
            <a:srgbClr val="000000"/>
          </a:fgClr>
          <a:bgClr>
            <a:srgbClr val="FFFFFF"/>
          </a:bgClr>
        </a:pattFill>
        <a:ln w="38100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1</xdr:col>
      <xdr:colOff>114300</xdr:colOff>
      <xdr:row>36</xdr:row>
      <xdr:rowOff>63500</xdr:rowOff>
    </xdr:from>
    <xdr:to>
      <xdr:col>3</xdr:col>
      <xdr:colOff>533400</xdr:colOff>
      <xdr:row>46</xdr:row>
      <xdr:rowOff>82550</xdr:rowOff>
    </xdr:to>
    <xdr:sp macro="" textlink="">
      <xdr:nvSpPr>
        <xdr:cNvPr id="28" name="d14382">
          <a:extLst>
            <a:ext uri="{FF2B5EF4-FFF2-40B4-BE49-F238E27FC236}">
              <a16:creationId xmlns:a16="http://schemas.microsoft.com/office/drawing/2014/main" id="{00000000-0008-0000-0200-00001C000000}"/>
            </a:ext>
          </a:extLst>
        </xdr:cNvPr>
        <xdr:cNvSpPr>
          <a:spLocks/>
        </xdr:cNvSpPr>
      </xdr:nvSpPr>
      <xdr:spPr bwMode="auto">
        <a:xfrm>
          <a:off x="660400" y="6794500"/>
          <a:ext cx="1511300" cy="154305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0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2147483646 h 16384"/>
            <a:gd name="T102" fmla="*/ 2147483646 w 16384"/>
            <a:gd name="T103" fmla="*/ 2147483646 h 16384"/>
            <a:gd name="T104" fmla="*/ 2147483646 w 16384"/>
            <a:gd name="T105" fmla="*/ 2147483646 h 16384"/>
            <a:gd name="T106" fmla="*/ 2147483646 w 16384"/>
            <a:gd name="T107" fmla="*/ 2147483646 h 16384"/>
            <a:gd name="T108" fmla="*/ 2147483646 w 16384"/>
            <a:gd name="T109" fmla="*/ 2147483646 h 16384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w 16384"/>
            <a:gd name="T166" fmla="*/ 0 h 16384"/>
            <a:gd name="T167" fmla="*/ 16384 w 16384"/>
            <a:gd name="T168" fmla="*/ 16384 h 16384"/>
          </a:gdLst>
          <a:ahLst/>
          <a:cxnLst>
            <a:cxn ang="T110">
              <a:pos x="T0" y="T1"/>
            </a:cxn>
            <a:cxn ang="T111">
              <a:pos x="T2" y="T3"/>
            </a:cxn>
            <a:cxn ang="T112">
              <a:pos x="T4" y="T5"/>
            </a:cxn>
            <a:cxn ang="T113">
              <a:pos x="T6" y="T7"/>
            </a:cxn>
            <a:cxn ang="T114">
              <a:pos x="T8" y="T9"/>
            </a:cxn>
            <a:cxn ang="T115">
              <a:pos x="T10" y="T11"/>
            </a:cxn>
            <a:cxn ang="T116">
              <a:pos x="T12" y="T13"/>
            </a:cxn>
            <a:cxn ang="T117">
              <a:pos x="T14" y="T15"/>
            </a:cxn>
            <a:cxn ang="T118">
              <a:pos x="T16" y="T17"/>
            </a:cxn>
            <a:cxn ang="T119">
              <a:pos x="T18" y="T19"/>
            </a:cxn>
            <a:cxn ang="T120">
              <a:pos x="T20" y="T21"/>
            </a:cxn>
            <a:cxn ang="T121">
              <a:pos x="T22" y="T23"/>
            </a:cxn>
            <a:cxn ang="T122">
              <a:pos x="T24" y="T25"/>
            </a:cxn>
            <a:cxn ang="T123">
              <a:pos x="T26" y="T27"/>
            </a:cxn>
            <a:cxn ang="T124">
              <a:pos x="T28" y="T29"/>
            </a:cxn>
            <a:cxn ang="T125">
              <a:pos x="T30" y="T31"/>
            </a:cxn>
            <a:cxn ang="T126">
              <a:pos x="T32" y="T33"/>
            </a:cxn>
            <a:cxn ang="T127">
              <a:pos x="T34" y="T35"/>
            </a:cxn>
            <a:cxn ang="T128">
              <a:pos x="T36" y="T37"/>
            </a:cxn>
            <a:cxn ang="T129">
              <a:pos x="T38" y="T39"/>
            </a:cxn>
            <a:cxn ang="T130">
              <a:pos x="T40" y="T41"/>
            </a:cxn>
            <a:cxn ang="T131">
              <a:pos x="T42" y="T43"/>
            </a:cxn>
            <a:cxn ang="T132">
              <a:pos x="T44" y="T45"/>
            </a:cxn>
            <a:cxn ang="T133">
              <a:pos x="T46" y="T47"/>
            </a:cxn>
            <a:cxn ang="T134">
              <a:pos x="T48" y="T49"/>
            </a:cxn>
            <a:cxn ang="T135">
              <a:pos x="T50" y="T51"/>
            </a:cxn>
            <a:cxn ang="T136">
              <a:pos x="T52" y="T53"/>
            </a:cxn>
            <a:cxn ang="T137">
              <a:pos x="T54" y="T55"/>
            </a:cxn>
            <a:cxn ang="T138">
              <a:pos x="T56" y="T57"/>
            </a:cxn>
            <a:cxn ang="T139">
              <a:pos x="T58" y="T59"/>
            </a:cxn>
            <a:cxn ang="T140">
              <a:pos x="T60" y="T61"/>
            </a:cxn>
            <a:cxn ang="T141">
              <a:pos x="T62" y="T63"/>
            </a:cxn>
            <a:cxn ang="T142">
              <a:pos x="T64" y="T65"/>
            </a:cxn>
            <a:cxn ang="T143">
              <a:pos x="T66" y="T67"/>
            </a:cxn>
            <a:cxn ang="T144">
              <a:pos x="T68" y="T69"/>
            </a:cxn>
            <a:cxn ang="T145">
              <a:pos x="T70" y="T71"/>
            </a:cxn>
            <a:cxn ang="T146">
              <a:pos x="T72" y="T73"/>
            </a:cxn>
            <a:cxn ang="T147">
              <a:pos x="T74" y="T75"/>
            </a:cxn>
            <a:cxn ang="T148">
              <a:pos x="T76" y="T77"/>
            </a:cxn>
            <a:cxn ang="T149">
              <a:pos x="T78" y="T79"/>
            </a:cxn>
            <a:cxn ang="T150">
              <a:pos x="T80" y="T81"/>
            </a:cxn>
            <a:cxn ang="T151">
              <a:pos x="T82" y="T83"/>
            </a:cxn>
            <a:cxn ang="T152">
              <a:pos x="T84" y="T85"/>
            </a:cxn>
            <a:cxn ang="T153">
              <a:pos x="T86" y="T87"/>
            </a:cxn>
            <a:cxn ang="T154">
              <a:pos x="T88" y="T89"/>
            </a:cxn>
            <a:cxn ang="T155">
              <a:pos x="T90" y="T91"/>
            </a:cxn>
            <a:cxn ang="T156">
              <a:pos x="T92" y="T93"/>
            </a:cxn>
            <a:cxn ang="T157">
              <a:pos x="T94" y="T95"/>
            </a:cxn>
            <a:cxn ang="T158">
              <a:pos x="T96" y="T97"/>
            </a:cxn>
            <a:cxn ang="T159">
              <a:pos x="T98" y="T99"/>
            </a:cxn>
            <a:cxn ang="T160">
              <a:pos x="T100" y="T101"/>
            </a:cxn>
            <a:cxn ang="T161">
              <a:pos x="T102" y="T103"/>
            </a:cxn>
            <a:cxn ang="T162">
              <a:pos x="T104" y="T105"/>
            </a:cxn>
            <a:cxn ang="T163">
              <a:pos x="T106" y="T107"/>
            </a:cxn>
            <a:cxn ang="T164">
              <a:pos x="T108" y="T109"/>
            </a:cxn>
          </a:cxnLst>
          <a:rect l="T165" t="T166" r="T167" b="T168"/>
          <a:pathLst>
            <a:path w="16384" h="16384">
              <a:moveTo>
                <a:pt x="5799" y="16384"/>
              </a:moveTo>
              <a:lnTo>
                <a:pt x="5247" y="14509"/>
              </a:lnTo>
              <a:lnTo>
                <a:pt x="5799" y="14015"/>
              </a:lnTo>
              <a:lnTo>
                <a:pt x="5707" y="13522"/>
              </a:lnTo>
              <a:lnTo>
                <a:pt x="5523" y="13324"/>
              </a:lnTo>
              <a:lnTo>
                <a:pt x="5891" y="13226"/>
              </a:lnTo>
              <a:lnTo>
                <a:pt x="6075" y="13324"/>
              </a:lnTo>
              <a:lnTo>
                <a:pt x="6259" y="12436"/>
              </a:lnTo>
              <a:lnTo>
                <a:pt x="5523" y="12436"/>
              </a:lnTo>
              <a:lnTo>
                <a:pt x="4326" y="11646"/>
              </a:lnTo>
              <a:lnTo>
                <a:pt x="3314" y="10561"/>
              </a:lnTo>
              <a:lnTo>
                <a:pt x="2853" y="9771"/>
              </a:lnTo>
              <a:lnTo>
                <a:pt x="2577" y="8192"/>
              </a:lnTo>
              <a:lnTo>
                <a:pt x="2669" y="8093"/>
              </a:lnTo>
              <a:lnTo>
                <a:pt x="2577" y="7896"/>
              </a:lnTo>
              <a:lnTo>
                <a:pt x="2577" y="7600"/>
              </a:lnTo>
              <a:lnTo>
                <a:pt x="1381" y="7304"/>
              </a:lnTo>
              <a:lnTo>
                <a:pt x="1289" y="7600"/>
              </a:lnTo>
              <a:lnTo>
                <a:pt x="1105" y="8093"/>
              </a:lnTo>
              <a:lnTo>
                <a:pt x="1197" y="8488"/>
              </a:lnTo>
              <a:lnTo>
                <a:pt x="1657" y="8784"/>
              </a:lnTo>
              <a:lnTo>
                <a:pt x="1749" y="9080"/>
              </a:lnTo>
              <a:lnTo>
                <a:pt x="1841" y="9672"/>
              </a:lnTo>
              <a:lnTo>
                <a:pt x="2209" y="9870"/>
              </a:lnTo>
              <a:lnTo>
                <a:pt x="2669" y="10659"/>
              </a:lnTo>
              <a:lnTo>
                <a:pt x="2485" y="11153"/>
              </a:lnTo>
              <a:lnTo>
                <a:pt x="2485" y="11449"/>
              </a:lnTo>
              <a:lnTo>
                <a:pt x="2485" y="11943"/>
              </a:lnTo>
              <a:lnTo>
                <a:pt x="2577" y="12239"/>
              </a:lnTo>
              <a:lnTo>
                <a:pt x="2945" y="12535"/>
              </a:lnTo>
              <a:lnTo>
                <a:pt x="3130" y="12535"/>
              </a:lnTo>
              <a:lnTo>
                <a:pt x="3130" y="13028"/>
              </a:lnTo>
              <a:lnTo>
                <a:pt x="3406" y="13324"/>
              </a:lnTo>
              <a:lnTo>
                <a:pt x="3682" y="13226"/>
              </a:lnTo>
              <a:lnTo>
                <a:pt x="3682" y="13719"/>
              </a:lnTo>
              <a:lnTo>
                <a:pt x="3958" y="14410"/>
              </a:lnTo>
              <a:lnTo>
                <a:pt x="4326" y="14213"/>
              </a:lnTo>
              <a:lnTo>
                <a:pt x="4326" y="13917"/>
              </a:lnTo>
              <a:lnTo>
                <a:pt x="5062" y="13917"/>
              </a:lnTo>
              <a:lnTo>
                <a:pt x="5247" y="14509"/>
              </a:lnTo>
              <a:lnTo>
                <a:pt x="5799" y="16384"/>
              </a:lnTo>
              <a:lnTo>
                <a:pt x="4694" y="15397"/>
              </a:lnTo>
              <a:lnTo>
                <a:pt x="4418" y="15298"/>
              </a:lnTo>
              <a:lnTo>
                <a:pt x="4326" y="15397"/>
              </a:lnTo>
              <a:lnTo>
                <a:pt x="3866" y="15101"/>
              </a:lnTo>
              <a:lnTo>
                <a:pt x="3314" y="14410"/>
              </a:lnTo>
              <a:lnTo>
                <a:pt x="3222" y="14410"/>
              </a:lnTo>
              <a:lnTo>
                <a:pt x="2853" y="13620"/>
              </a:lnTo>
              <a:lnTo>
                <a:pt x="2577" y="13522"/>
              </a:lnTo>
              <a:lnTo>
                <a:pt x="2117" y="12930"/>
              </a:lnTo>
              <a:lnTo>
                <a:pt x="1749" y="12633"/>
              </a:lnTo>
              <a:lnTo>
                <a:pt x="1657" y="12239"/>
              </a:lnTo>
              <a:lnTo>
                <a:pt x="1657" y="11646"/>
              </a:lnTo>
              <a:lnTo>
                <a:pt x="1565" y="11153"/>
              </a:lnTo>
              <a:lnTo>
                <a:pt x="1197" y="10561"/>
              </a:lnTo>
              <a:lnTo>
                <a:pt x="1105" y="10265"/>
              </a:lnTo>
              <a:lnTo>
                <a:pt x="1105" y="9771"/>
              </a:lnTo>
              <a:lnTo>
                <a:pt x="736" y="8685"/>
              </a:lnTo>
              <a:lnTo>
                <a:pt x="828" y="8291"/>
              </a:lnTo>
              <a:lnTo>
                <a:pt x="552" y="7797"/>
              </a:lnTo>
              <a:lnTo>
                <a:pt x="552" y="7106"/>
              </a:lnTo>
              <a:lnTo>
                <a:pt x="276" y="7008"/>
              </a:lnTo>
              <a:lnTo>
                <a:pt x="184" y="6514"/>
              </a:lnTo>
              <a:lnTo>
                <a:pt x="92" y="5725"/>
              </a:lnTo>
              <a:lnTo>
                <a:pt x="276" y="5231"/>
              </a:lnTo>
              <a:lnTo>
                <a:pt x="0" y="4639"/>
              </a:lnTo>
              <a:lnTo>
                <a:pt x="92" y="4047"/>
              </a:lnTo>
              <a:lnTo>
                <a:pt x="460" y="3356"/>
              </a:lnTo>
              <a:lnTo>
                <a:pt x="920" y="2862"/>
              </a:lnTo>
              <a:lnTo>
                <a:pt x="1105" y="2369"/>
              </a:lnTo>
              <a:lnTo>
                <a:pt x="1473" y="1678"/>
              </a:lnTo>
              <a:lnTo>
                <a:pt x="2025" y="1184"/>
              </a:lnTo>
              <a:lnTo>
                <a:pt x="2301" y="790"/>
              </a:lnTo>
              <a:lnTo>
                <a:pt x="2393" y="493"/>
              </a:lnTo>
              <a:lnTo>
                <a:pt x="2853" y="296"/>
              </a:lnTo>
              <a:lnTo>
                <a:pt x="3498" y="0"/>
              </a:lnTo>
              <a:lnTo>
                <a:pt x="3958" y="395"/>
              </a:lnTo>
              <a:lnTo>
                <a:pt x="4234" y="790"/>
              </a:lnTo>
              <a:lnTo>
                <a:pt x="4234" y="987"/>
              </a:lnTo>
              <a:lnTo>
                <a:pt x="4418" y="1184"/>
              </a:lnTo>
              <a:lnTo>
                <a:pt x="4786" y="1184"/>
              </a:lnTo>
              <a:lnTo>
                <a:pt x="4878" y="1382"/>
              </a:lnTo>
              <a:lnTo>
                <a:pt x="4878" y="1579"/>
              </a:lnTo>
              <a:lnTo>
                <a:pt x="5155" y="1480"/>
              </a:lnTo>
              <a:lnTo>
                <a:pt x="5523" y="1480"/>
              </a:lnTo>
              <a:lnTo>
                <a:pt x="5983" y="1777"/>
              </a:lnTo>
              <a:lnTo>
                <a:pt x="6167" y="1974"/>
              </a:lnTo>
              <a:lnTo>
                <a:pt x="6443" y="2171"/>
              </a:lnTo>
              <a:lnTo>
                <a:pt x="6719" y="2073"/>
              </a:lnTo>
              <a:lnTo>
                <a:pt x="7087" y="1875"/>
              </a:lnTo>
              <a:lnTo>
                <a:pt x="7272" y="1678"/>
              </a:lnTo>
              <a:lnTo>
                <a:pt x="7640" y="1579"/>
              </a:lnTo>
              <a:lnTo>
                <a:pt x="7824" y="1382"/>
              </a:lnTo>
              <a:lnTo>
                <a:pt x="8284" y="1184"/>
              </a:lnTo>
              <a:lnTo>
                <a:pt x="8652" y="1283"/>
              </a:lnTo>
              <a:lnTo>
                <a:pt x="8652" y="1678"/>
              </a:lnTo>
              <a:lnTo>
                <a:pt x="9757" y="2665"/>
              </a:lnTo>
              <a:lnTo>
                <a:pt x="9757" y="2961"/>
              </a:lnTo>
              <a:lnTo>
                <a:pt x="9849" y="3257"/>
              </a:lnTo>
              <a:lnTo>
                <a:pt x="10125" y="3652"/>
              </a:lnTo>
              <a:lnTo>
                <a:pt x="10217" y="4145"/>
              </a:lnTo>
              <a:lnTo>
                <a:pt x="10217" y="4639"/>
              </a:lnTo>
              <a:lnTo>
                <a:pt x="10309" y="4836"/>
              </a:lnTo>
              <a:lnTo>
                <a:pt x="10585" y="4935"/>
              </a:lnTo>
              <a:lnTo>
                <a:pt x="10493" y="5330"/>
              </a:lnTo>
              <a:lnTo>
                <a:pt x="10125" y="5428"/>
              </a:lnTo>
              <a:lnTo>
                <a:pt x="9757" y="5823"/>
              </a:lnTo>
              <a:lnTo>
                <a:pt x="9757" y="6119"/>
              </a:lnTo>
              <a:lnTo>
                <a:pt x="9849" y="6317"/>
              </a:lnTo>
              <a:lnTo>
                <a:pt x="10125" y="6317"/>
              </a:lnTo>
              <a:lnTo>
                <a:pt x="10493" y="7008"/>
              </a:lnTo>
              <a:lnTo>
                <a:pt x="10677" y="7008"/>
              </a:lnTo>
              <a:lnTo>
                <a:pt x="10953" y="6712"/>
              </a:lnTo>
              <a:lnTo>
                <a:pt x="11137" y="6810"/>
              </a:lnTo>
              <a:lnTo>
                <a:pt x="11414" y="7106"/>
              </a:lnTo>
              <a:lnTo>
                <a:pt x="11690" y="7501"/>
              </a:lnTo>
              <a:lnTo>
                <a:pt x="12150" y="7797"/>
              </a:lnTo>
              <a:lnTo>
                <a:pt x="12426" y="7699"/>
              </a:lnTo>
              <a:lnTo>
                <a:pt x="13070" y="7402"/>
              </a:lnTo>
              <a:lnTo>
                <a:pt x="13070" y="7205"/>
              </a:lnTo>
              <a:lnTo>
                <a:pt x="13162" y="6810"/>
              </a:lnTo>
              <a:lnTo>
                <a:pt x="13439" y="6613"/>
              </a:lnTo>
              <a:lnTo>
                <a:pt x="13715" y="6712"/>
              </a:lnTo>
              <a:lnTo>
                <a:pt x="13899" y="6909"/>
              </a:lnTo>
              <a:lnTo>
                <a:pt x="14175" y="7205"/>
              </a:lnTo>
              <a:lnTo>
                <a:pt x="14359" y="7205"/>
              </a:lnTo>
              <a:lnTo>
                <a:pt x="14727" y="7205"/>
              </a:lnTo>
              <a:lnTo>
                <a:pt x="15095" y="7304"/>
              </a:lnTo>
              <a:lnTo>
                <a:pt x="15464" y="7402"/>
              </a:lnTo>
              <a:lnTo>
                <a:pt x="16292" y="7106"/>
              </a:lnTo>
              <a:lnTo>
                <a:pt x="16384" y="7304"/>
              </a:lnTo>
              <a:lnTo>
                <a:pt x="16292" y="7797"/>
              </a:lnTo>
              <a:lnTo>
                <a:pt x="15924" y="7995"/>
              </a:lnTo>
              <a:lnTo>
                <a:pt x="15832" y="8291"/>
              </a:lnTo>
              <a:lnTo>
                <a:pt x="15832" y="8587"/>
              </a:lnTo>
              <a:lnTo>
                <a:pt x="15832" y="8883"/>
              </a:lnTo>
              <a:lnTo>
                <a:pt x="15464" y="9179"/>
              </a:lnTo>
              <a:lnTo>
                <a:pt x="15003" y="9080"/>
              </a:lnTo>
              <a:lnTo>
                <a:pt x="14543" y="9179"/>
              </a:lnTo>
              <a:lnTo>
                <a:pt x="14359" y="9376"/>
              </a:lnTo>
              <a:lnTo>
                <a:pt x="13991" y="9376"/>
              </a:lnTo>
              <a:lnTo>
                <a:pt x="13531" y="9771"/>
              </a:lnTo>
              <a:lnTo>
                <a:pt x="13162" y="9969"/>
              </a:lnTo>
              <a:lnTo>
                <a:pt x="12886" y="10363"/>
              </a:lnTo>
              <a:lnTo>
                <a:pt x="12610" y="10561"/>
              </a:lnTo>
              <a:lnTo>
                <a:pt x="12334" y="10857"/>
              </a:lnTo>
              <a:lnTo>
                <a:pt x="12426" y="11153"/>
              </a:lnTo>
              <a:lnTo>
                <a:pt x="12334" y="11646"/>
              </a:lnTo>
              <a:lnTo>
                <a:pt x="12058" y="12041"/>
              </a:lnTo>
              <a:lnTo>
                <a:pt x="11966" y="12633"/>
              </a:lnTo>
              <a:lnTo>
                <a:pt x="11598" y="12831"/>
              </a:lnTo>
              <a:lnTo>
                <a:pt x="11229" y="12732"/>
              </a:lnTo>
              <a:lnTo>
                <a:pt x="10861" y="13127"/>
              </a:lnTo>
              <a:lnTo>
                <a:pt x="10585" y="13423"/>
              </a:lnTo>
              <a:lnTo>
                <a:pt x="10217" y="13522"/>
              </a:lnTo>
              <a:lnTo>
                <a:pt x="9849" y="14114"/>
              </a:lnTo>
              <a:lnTo>
                <a:pt x="9204" y="14311"/>
              </a:lnTo>
              <a:lnTo>
                <a:pt x="8468" y="14607"/>
              </a:lnTo>
              <a:lnTo>
                <a:pt x="8100" y="15101"/>
              </a:lnTo>
              <a:lnTo>
                <a:pt x="8008" y="15496"/>
              </a:lnTo>
              <a:lnTo>
                <a:pt x="7824" y="15792"/>
              </a:lnTo>
              <a:lnTo>
                <a:pt x="7640" y="15792"/>
              </a:lnTo>
              <a:lnTo>
                <a:pt x="7364" y="16187"/>
              </a:lnTo>
              <a:lnTo>
                <a:pt x="6903" y="16285"/>
              </a:lnTo>
              <a:lnTo>
                <a:pt x="6351" y="16187"/>
              </a:lnTo>
              <a:lnTo>
                <a:pt x="5799" y="16384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3</xdr:col>
      <xdr:colOff>336550</xdr:colOff>
      <xdr:row>45</xdr:row>
      <xdr:rowOff>85725</xdr:rowOff>
    </xdr:from>
    <xdr:to>
      <xdr:col>4</xdr:col>
      <xdr:colOff>355600</xdr:colOff>
      <xdr:row>49</xdr:row>
      <xdr:rowOff>133350</xdr:rowOff>
    </xdr:to>
    <xdr:sp macro="" textlink="">
      <xdr:nvSpPr>
        <xdr:cNvPr id="29" name="d14383" descr="右上がり対角線">
          <a:extLst>
            <a:ext uri="{FF2B5EF4-FFF2-40B4-BE49-F238E27FC236}">
              <a16:creationId xmlns:a16="http://schemas.microsoft.com/office/drawing/2014/main" id="{00000000-0008-0000-0200-00001D000000}"/>
            </a:ext>
          </a:extLst>
        </xdr:cNvPr>
        <xdr:cNvSpPr>
          <a:spLocks/>
        </xdr:cNvSpPr>
      </xdr:nvSpPr>
      <xdr:spPr bwMode="auto">
        <a:xfrm>
          <a:off x="1974850" y="8188325"/>
          <a:ext cx="565150" cy="657225"/>
        </a:xfrm>
        <a:custGeom>
          <a:avLst/>
          <a:gdLst>
            <a:gd name="T0" fmla="*/ 0 w 16384"/>
            <a:gd name="T1" fmla="*/ 0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2147483646 h 16384"/>
            <a:gd name="T102" fmla="*/ 0 w 16384"/>
            <a:gd name="T103" fmla="*/ 2147483646 h 16384"/>
            <a:gd name="T104" fmla="*/ 0 w 16384"/>
            <a:gd name="T105" fmla="*/ 0 h 16384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w 16384"/>
            <a:gd name="T160" fmla="*/ 0 h 16384"/>
            <a:gd name="T161" fmla="*/ 16384 w 16384"/>
            <a:gd name="T162" fmla="*/ 16384 h 16384"/>
          </a:gdLst>
          <a:ahLst/>
          <a:cxnLst>
            <a:cxn ang="T106">
              <a:pos x="T0" y="T1"/>
            </a:cxn>
            <a:cxn ang="T107">
              <a:pos x="T2" y="T3"/>
            </a:cxn>
            <a:cxn ang="T108">
              <a:pos x="T4" y="T5"/>
            </a:cxn>
            <a:cxn ang="T109">
              <a:pos x="T6" y="T7"/>
            </a:cxn>
            <a:cxn ang="T110">
              <a:pos x="T8" y="T9"/>
            </a:cxn>
            <a:cxn ang="T111">
              <a:pos x="T10" y="T11"/>
            </a:cxn>
            <a:cxn ang="T112">
              <a:pos x="T12" y="T13"/>
            </a:cxn>
            <a:cxn ang="T113">
              <a:pos x="T14" y="T15"/>
            </a:cxn>
            <a:cxn ang="T114">
              <a:pos x="T16" y="T17"/>
            </a:cxn>
            <a:cxn ang="T115">
              <a:pos x="T18" y="T19"/>
            </a:cxn>
            <a:cxn ang="T116">
              <a:pos x="T20" y="T21"/>
            </a:cxn>
            <a:cxn ang="T117">
              <a:pos x="T22" y="T23"/>
            </a:cxn>
            <a:cxn ang="T118">
              <a:pos x="T24" y="T25"/>
            </a:cxn>
            <a:cxn ang="T119">
              <a:pos x="T26" y="T27"/>
            </a:cxn>
            <a:cxn ang="T120">
              <a:pos x="T28" y="T29"/>
            </a:cxn>
            <a:cxn ang="T121">
              <a:pos x="T30" y="T31"/>
            </a:cxn>
            <a:cxn ang="T122">
              <a:pos x="T32" y="T33"/>
            </a:cxn>
            <a:cxn ang="T123">
              <a:pos x="T34" y="T35"/>
            </a:cxn>
            <a:cxn ang="T124">
              <a:pos x="T36" y="T37"/>
            </a:cxn>
            <a:cxn ang="T125">
              <a:pos x="T38" y="T39"/>
            </a:cxn>
            <a:cxn ang="T126">
              <a:pos x="T40" y="T41"/>
            </a:cxn>
            <a:cxn ang="T127">
              <a:pos x="T42" y="T43"/>
            </a:cxn>
            <a:cxn ang="T128">
              <a:pos x="T44" y="T45"/>
            </a:cxn>
            <a:cxn ang="T129">
              <a:pos x="T46" y="T47"/>
            </a:cxn>
            <a:cxn ang="T130">
              <a:pos x="T48" y="T49"/>
            </a:cxn>
            <a:cxn ang="T131">
              <a:pos x="T50" y="T51"/>
            </a:cxn>
            <a:cxn ang="T132">
              <a:pos x="T52" y="T53"/>
            </a:cxn>
            <a:cxn ang="T133">
              <a:pos x="T54" y="T55"/>
            </a:cxn>
            <a:cxn ang="T134">
              <a:pos x="T56" y="T57"/>
            </a:cxn>
            <a:cxn ang="T135">
              <a:pos x="T58" y="T59"/>
            </a:cxn>
            <a:cxn ang="T136">
              <a:pos x="T60" y="T61"/>
            </a:cxn>
            <a:cxn ang="T137">
              <a:pos x="T62" y="T63"/>
            </a:cxn>
            <a:cxn ang="T138">
              <a:pos x="T64" y="T65"/>
            </a:cxn>
            <a:cxn ang="T139">
              <a:pos x="T66" y="T67"/>
            </a:cxn>
            <a:cxn ang="T140">
              <a:pos x="T68" y="T69"/>
            </a:cxn>
            <a:cxn ang="T141">
              <a:pos x="T70" y="T71"/>
            </a:cxn>
            <a:cxn ang="T142">
              <a:pos x="T72" y="T73"/>
            </a:cxn>
            <a:cxn ang="T143">
              <a:pos x="T74" y="T75"/>
            </a:cxn>
            <a:cxn ang="T144">
              <a:pos x="T76" y="T77"/>
            </a:cxn>
            <a:cxn ang="T145">
              <a:pos x="T78" y="T79"/>
            </a:cxn>
            <a:cxn ang="T146">
              <a:pos x="T80" y="T81"/>
            </a:cxn>
            <a:cxn ang="T147">
              <a:pos x="T82" y="T83"/>
            </a:cxn>
            <a:cxn ang="T148">
              <a:pos x="T84" y="T85"/>
            </a:cxn>
            <a:cxn ang="T149">
              <a:pos x="T86" y="T87"/>
            </a:cxn>
            <a:cxn ang="T150">
              <a:pos x="T88" y="T89"/>
            </a:cxn>
            <a:cxn ang="T151">
              <a:pos x="T90" y="T91"/>
            </a:cxn>
            <a:cxn ang="T152">
              <a:pos x="T92" y="T93"/>
            </a:cxn>
            <a:cxn ang="T153">
              <a:pos x="T94" y="T95"/>
            </a:cxn>
            <a:cxn ang="T154">
              <a:pos x="T96" y="T97"/>
            </a:cxn>
            <a:cxn ang="T155">
              <a:pos x="T98" y="T99"/>
            </a:cxn>
            <a:cxn ang="T156">
              <a:pos x="T100" y="T101"/>
            </a:cxn>
            <a:cxn ang="T157">
              <a:pos x="T102" y="T103"/>
            </a:cxn>
            <a:cxn ang="T158">
              <a:pos x="T104" y="T105"/>
            </a:cxn>
          </a:cxnLst>
          <a:rect l="T159" t="T160" r="T161" b="T162"/>
          <a:pathLst>
            <a:path w="16384" h="16384">
              <a:moveTo>
                <a:pt x="0" y="0"/>
              </a:moveTo>
              <a:lnTo>
                <a:pt x="1241" y="237"/>
              </a:lnTo>
              <a:lnTo>
                <a:pt x="2482" y="475"/>
              </a:lnTo>
              <a:lnTo>
                <a:pt x="5213" y="1662"/>
              </a:lnTo>
              <a:lnTo>
                <a:pt x="9185" y="3799"/>
              </a:lnTo>
              <a:lnTo>
                <a:pt x="9930" y="3324"/>
              </a:lnTo>
              <a:lnTo>
                <a:pt x="10178" y="3799"/>
              </a:lnTo>
              <a:lnTo>
                <a:pt x="10674" y="4512"/>
              </a:lnTo>
              <a:lnTo>
                <a:pt x="11667" y="5224"/>
              </a:lnTo>
              <a:lnTo>
                <a:pt x="12164" y="5936"/>
              </a:lnTo>
              <a:lnTo>
                <a:pt x="11419" y="6886"/>
              </a:lnTo>
              <a:lnTo>
                <a:pt x="11171" y="8073"/>
              </a:lnTo>
              <a:lnTo>
                <a:pt x="10923" y="9261"/>
              </a:lnTo>
              <a:lnTo>
                <a:pt x="11171" y="9498"/>
              </a:lnTo>
              <a:lnTo>
                <a:pt x="11419" y="9973"/>
              </a:lnTo>
              <a:lnTo>
                <a:pt x="11916" y="10685"/>
              </a:lnTo>
              <a:lnTo>
                <a:pt x="11916" y="11872"/>
              </a:lnTo>
              <a:lnTo>
                <a:pt x="11171" y="11872"/>
              </a:lnTo>
              <a:lnTo>
                <a:pt x="11916" y="12347"/>
              </a:lnTo>
              <a:lnTo>
                <a:pt x="12909" y="13297"/>
              </a:lnTo>
              <a:lnTo>
                <a:pt x="13902" y="13772"/>
              </a:lnTo>
              <a:lnTo>
                <a:pt x="15143" y="14010"/>
              </a:lnTo>
              <a:lnTo>
                <a:pt x="15888" y="14247"/>
              </a:lnTo>
              <a:lnTo>
                <a:pt x="15888" y="15197"/>
              </a:lnTo>
              <a:lnTo>
                <a:pt x="16384" y="15909"/>
              </a:lnTo>
              <a:lnTo>
                <a:pt x="15888" y="16147"/>
              </a:lnTo>
              <a:lnTo>
                <a:pt x="15391" y="15909"/>
              </a:lnTo>
              <a:lnTo>
                <a:pt x="14895" y="16147"/>
              </a:lnTo>
              <a:lnTo>
                <a:pt x="14646" y="16384"/>
              </a:lnTo>
              <a:lnTo>
                <a:pt x="14150" y="16147"/>
              </a:lnTo>
              <a:lnTo>
                <a:pt x="13653" y="16147"/>
              </a:lnTo>
              <a:lnTo>
                <a:pt x="13405" y="15672"/>
              </a:lnTo>
              <a:lnTo>
                <a:pt x="12660" y="15434"/>
              </a:lnTo>
              <a:lnTo>
                <a:pt x="12660" y="14722"/>
              </a:lnTo>
              <a:lnTo>
                <a:pt x="11916" y="14722"/>
              </a:lnTo>
              <a:lnTo>
                <a:pt x="10923" y="14484"/>
              </a:lnTo>
              <a:lnTo>
                <a:pt x="10178" y="14010"/>
              </a:lnTo>
              <a:lnTo>
                <a:pt x="9930" y="13535"/>
              </a:lnTo>
              <a:lnTo>
                <a:pt x="9681" y="13535"/>
              </a:lnTo>
              <a:lnTo>
                <a:pt x="9930" y="13060"/>
              </a:lnTo>
              <a:lnTo>
                <a:pt x="8937" y="11872"/>
              </a:lnTo>
              <a:lnTo>
                <a:pt x="7696" y="10448"/>
              </a:lnTo>
              <a:lnTo>
                <a:pt x="6454" y="9973"/>
              </a:lnTo>
              <a:lnTo>
                <a:pt x="6206" y="9023"/>
              </a:lnTo>
              <a:lnTo>
                <a:pt x="6454" y="8548"/>
              </a:lnTo>
              <a:lnTo>
                <a:pt x="6703" y="7598"/>
              </a:lnTo>
              <a:lnTo>
                <a:pt x="5958" y="6411"/>
              </a:lnTo>
              <a:lnTo>
                <a:pt x="3475" y="4749"/>
              </a:lnTo>
              <a:lnTo>
                <a:pt x="2979" y="2612"/>
              </a:lnTo>
              <a:lnTo>
                <a:pt x="1738" y="2374"/>
              </a:lnTo>
              <a:lnTo>
                <a:pt x="1241" y="1900"/>
              </a:lnTo>
              <a:lnTo>
                <a:pt x="0" y="1187"/>
              </a:lnTo>
              <a:lnTo>
                <a:pt x="0" y="0"/>
              </a:lnTo>
              <a:close/>
            </a:path>
          </a:pathLst>
        </a:custGeom>
        <a:pattFill prst="ltUpDiag">
          <a:fgClr>
            <a:srgbClr val="000000"/>
          </a:fgClr>
          <a:bgClr>
            <a:srgbClr val="FFFFFF"/>
          </a:bgClr>
        </a:pattFill>
        <a:ln w="12700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2</xdr:col>
      <xdr:colOff>79375</xdr:colOff>
      <xdr:row>44</xdr:row>
      <xdr:rowOff>34925</xdr:rowOff>
    </xdr:from>
    <xdr:to>
      <xdr:col>4</xdr:col>
      <xdr:colOff>146050</xdr:colOff>
      <xdr:row>49</xdr:row>
      <xdr:rowOff>120650</xdr:rowOff>
    </xdr:to>
    <xdr:sp macro="" textlink="">
      <xdr:nvSpPr>
        <xdr:cNvPr id="30" name="d14384" descr="右上がり対角線">
          <a:extLst>
            <a:ext uri="{FF2B5EF4-FFF2-40B4-BE49-F238E27FC236}">
              <a16:creationId xmlns:a16="http://schemas.microsoft.com/office/drawing/2014/main" id="{00000000-0008-0000-0200-00001E000000}"/>
            </a:ext>
          </a:extLst>
        </xdr:cNvPr>
        <xdr:cNvSpPr>
          <a:spLocks/>
        </xdr:cNvSpPr>
      </xdr:nvSpPr>
      <xdr:spPr bwMode="auto">
        <a:xfrm>
          <a:off x="1171575" y="7985125"/>
          <a:ext cx="1158875" cy="84772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0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0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w 16384"/>
            <a:gd name="T115" fmla="*/ 0 h 16384"/>
            <a:gd name="T116" fmla="*/ 16384 w 16384"/>
            <a:gd name="T117" fmla="*/ 16384 h 16384"/>
          </a:gdLst>
          <a:ahLst/>
          <a:cxnLst>
            <a:cxn ang="T76">
              <a:pos x="T0" y="T1"/>
            </a:cxn>
            <a:cxn ang="T77">
              <a:pos x="T2" y="T3"/>
            </a:cxn>
            <a:cxn ang="T78">
              <a:pos x="T4" y="T5"/>
            </a:cxn>
            <a:cxn ang="T79">
              <a:pos x="T6" y="T7"/>
            </a:cxn>
            <a:cxn ang="T80">
              <a:pos x="T8" y="T9"/>
            </a:cxn>
            <a:cxn ang="T81">
              <a:pos x="T10" y="T11"/>
            </a:cxn>
            <a:cxn ang="T82">
              <a:pos x="T12" y="T13"/>
            </a:cxn>
            <a:cxn ang="T83">
              <a:pos x="T14" y="T15"/>
            </a:cxn>
            <a:cxn ang="T84">
              <a:pos x="T16" y="T17"/>
            </a:cxn>
            <a:cxn ang="T85">
              <a:pos x="T18" y="T19"/>
            </a:cxn>
            <a:cxn ang="T86">
              <a:pos x="T20" y="T21"/>
            </a:cxn>
            <a:cxn ang="T87">
              <a:pos x="T22" y="T23"/>
            </a:cxn>
            <a:cxn ang="T88">
              <a:pos x="T24" y="T25"/>
            </a:cxn>
            <a:cxn ang="T89">
              <a:pos x="T26" y="T27"/>
            </a:cxn>
            <a:cxn ang="T90">
              <a:pos x="T28" y="T29"/>
            </a:cxn>
            <a:cxn ang="T91">
              <a:pos x="T30" y="T31"/>
            </a:cxn>
            <a:cxn ang="T92">
              <a:pos x="T32" y="T33"/>
            </a:cxn>
            <a:cxn ang="T93">
              <a:pos x="T34" y="T35"/>
            </a:cxn>
            <a:cxn ang="T94">
              <a:pos x="T36" y="T37"/>
            </a:cxn>
            <a:cxn ang="T95">
              <a:pos x="T38" y="T39"/>
            </a:cxn>
            <a:cxn ang="T96">
              <a:pos x="T40" y="T41"/>
            </a:cxn>
            <a:cxn ang="T97">
              <a:pos x="T42" y="T43"/>
            </a:cxn>
            <a:cxn ang="T98">
              <a:pos x="T44" y="T45"/>
            </a:cxn>
            <a:cxn ang="T99">
              <a:pos x="T46" y="T47"/>
            </a:cxn>
            <a:cxn ang="T100">
              <a:pos x="T48" y="T49"/>
            </a:cxn>
            <a:cxn ang="T101">
              <a:pos x="T50" y="T51"/>
            </a:cxn>
            <a:cxn ang="T102">
              <a:pos x="T52" y="T53"/>
            </a:cxn>
            <a:cxn ang="T103">
              <a:pos x="T54" y="T55"/>
            </a:cxn>
            <a:cxn ang="T104">
              <a:pos x="T56" y="T57"/>
            </a:cxn>
            <a:cxn ang="T105">
              <a:pos x="T58" y="T59"/>
            </a:cxn>
            <a:cxn ang="T106">
              <a:pos x="T60" y="T61"/>
            </a:cxn>
            <a:cxn ang="T107">
              <a:pos x="T62" y="T63"/>
            </a:cxn>
            <a:cxn ang="T108">
              <a:pos x="T64" y="T65"/>
            </a:cxn>
            <a:cxn ang="T109">
              <a:pos x="T66" y="T67"/>
            </a:cxn>
            <a:cxn ang="T110">
              <a:pos x="T68" y="T69"/>
            </a:cxn>
            <a:cxn ang="T111">
              <a:pos x="T70" y="T71"/>
            </a:cxn>
            <a:cxn ang="T112">
              <a:pos x="T72" y="T73"/>
            </a:cxn>
            <a:cxn ang="T113">
              <a:pos x="T74" y="T75"/>
            </a:cxn>
          </a:cxnLst>
          <a:rect l="T114" t="T115" r="T116" b="T117"/>
          <a:pathLst>
            <a:path w="16384" h="16384">
              <a:moveTo>
                <a:pt x="11529" y="3682"/>
              </a:moveTo>
              <a:lnTo>
                <a:pt x="11529" y="4602"/>
              </a:lnTo>
              <a:lnTo>
                <a:pt x="12136" y="5155"/>
              </a:lnTo>
              <a:lnTo>
                <a:pt x="12379" y="5523"/>
              </a:lnTo>
              <a:lnTo>
                <a:pt x="12986" y="5707"/>
              </a:lnTo>
              <a:lnTo>
                <a:pt x="13229" y="7364"/>
              </a:lnTo>
              <a:lnTo>
                <a:pt x="14442" y="8652"/>
              </a:lnTo>
              <a:lnTo>
                <a:pt x="14806" y="9573"/>
              </a:lnTo>
              <a:lnTo>
                <a:pt x="14685" y="10309"/>
              </a:lnTo>
              <a:lnTo>
                <a:pt x="14564" y="10677"/>
              </a:lnTo>
              <a:lnTo>
                <a:pt x="14685" y="11414"/>
              </a:lnTo>
              <a:lnTo>
                <a:pt x="15292" y="11782"/>
              </a:lnTo>
              <a:lnTo>
                <a:pt x="15899" y="12886"/>
              </a:lnTo>
              <a:lnTo>
                <a:pt x="16384" y="13807"/>
              </a:lnTo>
              <a:lnTo>
                <a:pt x="16263" y="14175"/>
              </a:lnTo>
              <a:lnTo>
                <a:pt x="16020" y="13991"/>
              </a:lnTo>
              <a:lnTo>
                <a:pt x="15899" y="13623"/>
              </a:lnTo>
              <a:lnTo>
                <a:pt x="15049" y="13807"/>
              </a:lnTo>
              <a:lnTo>
                <a:pt x="14078" y="13623"/>
              </a:lnTo>
              <a:lnTo>
                <a:pt x="13471" y="14359"/>
              </a:lnTo>
              <a:lnTo>
                <a:pt x="12986" y="15279"/>
              </a:lnTo>
              <a:lnTo>
                <a:pt x="12500" y="16016"/>
              </a:lnTo>
              <a:lnTo>
                <a:pt x="12136" y="15648"/>
              </a:lnTo>
              <a:lnTo>
                <a:pt x="11651" y="16016"/>
              </a:lnTo>
              <a:lnTo>
                <a:pt x="11165" y="16200"/>
              </a:lnTo>
              <a:lnTo>
                <a:pt x="10680" y="16384"/>
              </a:lnTo>
              <a:lnTo>
                <a:pt x="10316" y="16384"/>
              </a:lnTo>
              <a:lnTo>
                <a:pt x="10073" y="16200"/>
              </a:lnTo>
              <a:lnTo>
                <a:pt x="9588" y="16200"/>
              </a:lnTo>
              <a:lnTo>
                <a:pt x="9345" y="16200"/>
              </a:lnTo>
              <a:lnTo>
                <a:pt x="8859" y="16200"/>
              </a:lnTo>
              <a:lnTo>
                <a:pt x="8253" y="16016"/>
              </a:lnTo>
              <a:lnTo>
                <a:pt x="8010" y="16016"/>
              </a:lnTo>
              <a:lnTo>
                <a:pt x="7646" y="15648"/>
              </a:lnTo>
              <a:lnTo>
                <a:pt x="7403" y="15279"/>
              </a:lnTo>
              <a:lnTo>
                <a:pt x="7039" y="14911"/>
              </a:lnTo>
              <a:lnTo>
                <a:pt x="6190" y="15095"/>
              </a:lnTo>
              <a:lnTo>
                <a:pt x="5219" y="15095"/>
              </a:lnTo>
              <a:lnTo>
                <a:pt x="4490" y="14359"/>
              </a:lnTo>
              <a:lnTo>
                <a:pt x="3884" y="14543"/>
              </a:lnTo>
              <a:lnTo>
                <a:pt x="3155" y="13623"/>
              </a:lnTo>
              <a:lnTo>
                <a:pt x="2306" y="13991"/>
              </a:lnTo>
              <a:lnTo>
                <a:pt x="1578" y="13070"/>
              </a:lnTo>
              <a:lnTo>
                <a:pt x="1214" y="12886"/>
              </a:lnTo>
              <a:lnTo>
                <a:pt x="485" y="13623"/>
              </a:lnTo>
              <a:lnTo>
                <a:pt x="364" y="12886"/>
              </a:lnTo>
              <a:lnTo>
                <a:pt x="485" y="11966"/>
              </a:lnTo>
              <a:lnTo>
                <a:pt x="728" y="11229"/>
              </a:lnTo>
              <a:lnTo>
                <a:pt x="121" y="10677"/>
              </a:lnTo>
              <a:lnTo>
                <a:pt x="485" y="9757"/>
              </a:lnTo>
              <a:lnTo>
                <a:pt x="364" y="8836"/>
              </a:lnTo>
              <a:lnTo>
                <a:pt x="485" y="8284"/>
              </a:lnTo>
              <a:lnTo>
                <a:pt x="243" y="7916"/>
              </a:lnTo>
              <a:lnTo>
                <a:pt x="0" y="6811"/>
              </a:lnTo>
              <a:lnTo>
                <a:pt x="728" y="6443"/>
              </a:lnTo>
              <a:lnTo>
                <a:pt x="1456" y="6627"/>
              </a:lnTo>
              <a:lnTo>
                <a:pt x="2063" y="6443"/>
              </a:lnTo>
              <a:lnTo>
                <a:pt x="2427" y="5707"/>
              </a:lnTo>
              <a:lnTo>
                <a:pt x="2670" y="5707"/>
              </a:lnTo>
              <a:lnTo>
                <a:pt x="2913" y="5155"/>
              </a:lnTo>
              <a:lnTo>
                <a:pt x="3034" y="4418"/>
              </a:lnTo>
              <a:lnTo>
                <a:pt x="3520" y="3498"/>
              </a:lnTo>
              <a:lnTo>
                <a:pt x="4490" y="2945"/>
              </a:lnTo>
              <a:lnTo>
                <a:pt x="5340" y="2577"/>
              </a:lnTo>
              <a:lnTo>
                <a:pt x="5825" y="1473"/>
              </a:lnTo>
              <a:lnTo>
                <a:pt x="6311" y="1289"/>
              </a:lnTo>
              <a:lnTo>
                <a:pt x="6675" y="736"/>
              </a:lnTo>
              <a:lnTo>
                <a:pt x="7160" y="0"/>
              </a:lnTo>
              <a:lnTo>
                <a:pt x="7646" y="184"/>
              </a:lnTo>
              <a:lnTo>
                <a:pt x="7646" y="1105"/>
              </a:lnTo>
              <a:lnTo>
                <a:pt x="8010" y="1289"/>
              </a:lnTo>
              <a:lnTo>
                <a:pt x="8738" y="1841"/>
              </a:lnTo>
              <a:lnTo>
                <a:pt x="9102" y="1657"/>
              </a:lnTo>
              <a:lnTo>
                <a:pt x="9588" y="2025"/>
              </a:lnTo>
              <a:lnTo>
                <a:pt x="10073" y="3130"/>
              </a:lnTo>
              <a:lnTo>
                <a:pt x="10801" y="3314"/>
              </a:lnTo>
              <a:lnTo>
                <a:pt x="11529" y="3682"/>
              </a:lnTo>
              <a:close/>
            </a:path>
          </a:pathLst>
        </a:custGeom>
        <a:pattFill prst="ltUpDiag">
          <a:fgClr>
            <a:srgbClr val="000000"/>
          </a:fgClr>
          <a:bgClr>
            <a:srgbClr val="FFFFFF"/>
          </a:bgClr>
        </a:pattFill>
        <a:ln w="12700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6</xdr:col>
      <xdr:colOff>133350</xdr:colOff>
      <xdr:row>12</xdr:row>
      <xdr:rowOff>95250</xdr:rowOff>
    </xdr:from>
    <xdr:to>
      <xdr:col>8</xdr:col>
      <xdr:colOff>190500</xdr:colOff>
      <xdr:row>18</xdr:row>
      <xdr:rowOff>0</xdr:rowOff>
    </xdr:to>
    <xdr:sp macro="" textlink="">
      <xdr:nvSpPr>
        <xdr:cNvPr id="31" name="d14401" descr="縦線 (破線)">
          <a:extLst>
            <a:ext uri="{FF2B5EF4-FFF2-40B4-BE49-F238E27FC236}">
              <a16:creationId xmlns:a16="http://schemas.microsoft.com/office/drawing/2014/main" id="{00000000-0008-0000-0200-00001F000000}"/>
            </a:ext>
          </a:extLst>
        </xdr:cNvPr>
        <xdr:cNvSpPr>
          <a:spLocks/>
        </xdr:cNvSpPr>
      </xdr:nvSpPr>
      <xdr:spPr bwMode="auto">
        <a:xfrm>
          <a:off x="3790950" y="3171825"/>
          <a:ext cx="1276350" cy="81915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0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w 16384"/>
            <a:gd name="T136" fmla="*/ 0 h 16384"/>
            <a:gd name="T137" fmla="*/ 16384 w 16384"/>
            <a:gd name="T138" fmla="*/ 16384 h 16384"/>
          </a:gdLst>
          <a:ahLst/>
          <a:cxnLst>
            <a:cxn ang="T90">
              <a:pos x="T0" y="T1"/>
            </a:cxn>
            <a:cxn ang="T91">
              <a:pos x="T2" y="T3"/>
            </a:cxn>
            <a:cxn ang="T92">
              <a:pos x="T4" y="T5"/>
            </a:cxn>
            <a:cxn ang="T93">
              <a:pos x="T6" y="T7"/>
            </a:cxn>
            <a:cxn ang="T94">
              <a:pos x="T8" y="T9"/>
            </a:cxn>
            <a:cxn ang="T95">
              <a:pos x="T10" y="T11"/>
            </a:cxn>
            <a:cxn ang="T96">
              <a:pos x="T12" y="T13"/>
            </a:cxn>
            <a:cxn ang="T97">
              <a:pos x="T14" y="T15"/>
            </a:cxn>
            <a:cxn ang="T98">
              <a:pos x="T16" y="T17"/>
            </a:cxn>
            <a:cxn ang="T99">
              <a:pos x="T18" y="T19"/>
            </a:cxn>
            <a:cxn ang="T100">
              <a:pos x="T20" y="T21"/>
            </a:cxn>
            <a:cxn ang="T101">
              <a:pos x="T22" y="T23"/>
            </a:cxn>
            <a:cxn ang="T102">
              <a:pos x="T24" y="T25"/>
            </a:cxn>
            <a:cxn ang="T103">
              <a:pos x="T26" y="T27"/>
            </a:cxn>
            <a:cxn ang="T104">
              <a:pos x="T28" y="T29"/>
            </a:cxn>
            <a:cxn ang="T105">
              <a:pos x="T30" y="T31"/>
            </a:cxn>
            <a:cxn ang="T106">
              <a:pos x="T32" y="T33"/>
            </a:cxn>
            <a:cxn ang="T107">
              <a:pos x="T34" y="T35"/>
            </a:cxn>
            <a:cxn ang="T108">
              <a:pos x="T36" y="T37"/>
            </a:cxn>
            <a:cxn ang="T109">
              <a:pos x="T38" y="T39"/>
            </a:cxn>
            <a:cxn ang="T110">
              <a:pos x="T40" y="T41"/>
            </a:cxn>
            <a:cxn ang="T111">
              <a:pos x="T42" y="T43"/>
            </a:cxn>
            <a:cxn ang="T112">
              <a:pos x="T44" y="T45"/>
            </a:cxn>
            <a:cxn ang="T113">
              <a:pos x="T46" y="T47"/>
            </a:cxn>
            <a:cxn ang="T114">
              <a:pos x="T48" y="T49"/>
            </a:cxn>
            <a:cxn ang="T115">
              <a:pos x="T50" y="T51"/>
            </a:cxn>
            <a:cxn ang="T116">
              <a:pos x="T52" y="T53"/>
            </a:cxn>
            <a:cxn ang="T117">
              <a:pos x="T54" y="T55"/>
            </a:cxn>
            <a:cxn ang="T118">
              <a:pos x="T56" y="T57"/>
            </a:cxn>
            <a:cxn ang="T119">
              <a:pos x="T58" y="T59"/>
            </a:cxn>
            <a:cxn ang="T120">
              <a:pos x="T60" y="T61"/>
            </a:cxn>
            <a:cxn ang="T121">
              <a:pos x="T62" y="T63"/>
            </a:cxn>
            <a:cxn ang="T122">
              <a:pos x="T64" y="T65"/>
            </a:cxn>
            <a:cxn ang="T123">
              <a:pos x="T66" y="T67"/>
            </a:cxn>
            <a:cxn ang="T124">
              <a:pos x="T68" y="T69"/>
            </a:cxn>
            <a:cxn ang="T125">
              <a:pos x="T70" y="T71"/>
            </a:cxn>
            <a:cxn ang="T126">
              <a:pos x="T72" y="T73"/>
            </a:cxn>
            <a:cxn ang="T127">
              <a:pos x="T74" y="T75"/>
            </a:cxn>
            <a:cxn ang="T128">
              <a:pos x="T76" y="T77"/>
            </a:cxn>
            <a:cxn ang="T129">
              <a:pos x="T78" y="T79"/>
            </a:cxn>
            <a:cxn ang="T130">
              <a:pos x="T80" y="T81"/>
            </a:cxn>
            <a:cxn ang="T131">
              <a:pos x="T82" y="T83"/>
            </a:cxn>
            <a:cxn ang="T132">
              <a:pos x="T84" y="T85"/>
            </a:cxn>
            <a:cxn ang="T133">
              <a:pos x="T86" y="T87"/>
            </a:cxn>
            <a:cxn ang="T134">
              <a:pos x="T88" y="T89"/>
            </a:cxn>
          </a:cxnLst>
          <a:rect l="T135" t="T136" r="T137" b="T138"/>
          <a:pathLst>
            <a:path w="16384" h="16384">
              <a:moveTo>
                <a:pt x="16262" y="8573"/>
              </a:moveTo>
              <a:lnTo>
                <a:pt x="15773" y="9145"/>
              </a:lnTo>
              <a:lnTo>
                <a:pt x="15895" y="9335"/>
              </a:lnTo>
              <a:lnTo>
                <a:pt x="16384" y="9526"/>
              </a:lnTo>
              <a:lnTo>
                <a:pt x="16384" y="10478"/>
              </a:lnTo>
              <a:lnTo>
                <a:pt x="15161" y="11050"/>
              </a:lnTo>
              <a:lnTo>
                <a:pt x="15284" y="12002"/>
              </a:lnTo>
              <a:lnTo>
                <a:pt x="15406" y="12955"/>
              </a:lnTo>
              <a:lnTo>
                <a:pt x="15406" y="13336"/>
              </a:lnTo>
              <a:lnTo>
                <a:pt x="15161" y="13336"/>
              </a:lnTo>
              <a:lnTo>
                <a:pt x="15284" y="13717"/>
              </a:lnTo>
              <a:lnTo>
                <a:pt x="15039" y="13907"/>
              </a:lnTo>
              <a:lnTo>
                <a:pt x="15161" y="14288"/>
              </a:lnTo>
              <a:lnTo>
                <a:pt x="14917" y="14669"/>
              </a:lnTo>
              <a:lnTo>
                <a:pt x="15039" y="15812"/>
              </a:lnTo>
              <a:lnTo>
                <a:pt x="14795" y="16193"/>
              </a:lnTo>
              <a:lnTo>
                <a:pt x="14550" y="16384"/>
              </a:lnTo>
              <a:lnTo>
                <a:pt x="14061" y="16003"/>
              </a:lnTo>
              <a:lnTo>
                <a:pt x="13450" y="14669"/>
              </a:lnTo>
              <a:lnTo>
                <a:pt x="12349" y="14098"/>
              </a:lnTo>
              <a:lnTo>
                <a:pt x="11493" y="14098"/>
              </a:lnTo>
              <a:lnTo>
                <a:pt x="11126" y="13526"/>
              </a:lnTo>
              <a:lnTo>
                <a:pt x="10393" y="13717"/>
              </a:lnTo>
              <a:lnTo>
                <a:pt x="10393" y="12383"/>
              </a:lnTo>
              <a:lnTo>
                <a:pt x="9904" y="11240"/>
              </a:lnTo>
              <a:lnTo>
                <a:pt x="10026" y="10288"/>
              </a:lnTo>
              <a:lnTo>
                <a:pt x="9170" y="9716"/>
              </a:lnTo>
              <a:lnTo>
                <a:pt x="8681" y="10288"/>
              </a:lnTo>
              <a:lnTo>
                <a:pt x="8192" y="9907"/>
              </a:lnTo>
              <a:lnTo>
                <a:pt x="7947" y="10288"/>
              </a:lnTo>
              <a:lnTo>
                <a:pt x="7336" y="10288"/>
              </a:lnTo>
              <a:lnTo>
                <a:pt x="6603" y="11812"/>
              </a:lnTo>
              <a:lnTo>
                <a:pt x="5502" y="12574"/>
              </a:lnTo>
              <a:lnTo>
                <a:pt x="5013" y="12193"/>
              </a:lnTo>
              <a:lnTo>
                <a:pt x="4646" y="12574"/>
              </a:lnTo>
              <a:lnTo>
                <a:pt x="4524" y="13717"/>
              </a:lnTo>
              <a:lnTo>
                <a:pt x="4524" y="14098"/>
              </a:lnTo>
              <a:lnTo>
                <a:pt x="3913" y="14098"/>
              </a:lnTo>
              <a:lnTo>
                <a:pt x="3546" y="13526"/>
              </a:lnTo>
              <a:lnTo>
                <a:pt x="3057" y="13145"/>
              </a:lnTo>
              <a:lnTo>
                <a:pt x="2812" y="12002"/>
              </a:lnTo>
              <a:lnTo>
                <a:pt x="2445" y="10669"/>
              </a:lnTo>
              <a:lnTo>
                <a:pt x="1712" y="10288"/>
              </a:lnTo>
              <a:lnTo>
                <a:pt x="1467" y="9526"/>
              </a:lnTo>
              <a:lnTo>
                <a:pt x="1100" y="9335"/>
              </a:lnTo>
              <a:lnTo>
                <a:pt x="978" y="8764"/>
              </a:lnTo>
              <a:lnTo>
                <a:pt x="489" y="8383"/>
              </a:lnTo>
              <a:lnTo>
                <a:pt x="245" y="7811"/>
              </a:lnTo>
              <a:lnTo>
                <a:pt x="0" y="6477"/>
              </a:lnTo>
              <a:lnTo>
                <a:pt x="367" y="5334"/>
              </a:lnTo>
              <a:lnTo>
                <a:pt x="611" y="4763"/>
              </a:lnTo>
              <a:lnTo>
                <a:pt x="489" y="3810"/>
              </a:lnTo>
              <a:lnTo>
                <a:pt x="611" y="3429"/>
              </a:lnTo>
              <a:lnTo>
                <a:pt x="978" y="2858"/>
              </a:lnTo>
              <a:lnTo>
                <a:pt x="1467" y="2286"/>
              </a:lnTo>
              <a:lnTo>
                <a:pt x="1956" y="2286"/>
              </a:lnTo>
              <a:lnTo>
                <a:pt x="2568" y="2096"/>
              </a:lnTo>
              <a:lnTo>
                <a:pt x="3057" y="1715"/>
              </a:lnTo>
              <a:lnTo>
                <a:pt x="3301" y="2096"/>
              </a:lnTo>
              <a:lnTo>
                <a:pt x="3668" y="2096"/>
              </a:lnTo>
              <a:lnTo>
                <a:pt x="3790" y="2477"/>
              </a:lnTo>
              <a:lnTo>
                <a:pt x="4524" y="2667"/>
              </a:lnTo>
              <a:lnTo>
                <a:pt x="4768" y="3239"/>
              </a:lnTo>
              <a:lnTo>
                <a:pt x="5013" y="3239"/>
              </a:lnTo>
              <a:lnTo>
                <a:pt x="5135" y="2667"/>
              </a:lnTo>
              <a:lnTo>
                <a:pt x="5135" y="1905"/>
              </a:lnTo>
              <a:lnTo>
                <a:pt x="5380" y="1334"/>
              </a:lnTo>
              <a:lnTo>
                <a:pt x="5991" y="1143"/>
              </a:lnTo>
              <a:lnTo>
                <a:pt x="5991" y="572"/>
              </a:lnTo>
              <a:lnTo>
                <a:pt x="6725" y="0"/>
              </a:lnTo>
              <a:lnTo>
                <a:pt x="7092" y="381"/>
              </a:lnTo>
              <a:lnTo>
                <a:pt x="7458" y="381"/>
              </a:lnTo>
              <a:lnTo>
                <a:pt x="7703" y="572"/>
              </a:lnTo>
              <a:lnTo>
                <a:pt x="8192" y="1143"/>
              </a:lnTo>
              <a:lnTo>
                <a:pt x="8559" y="1524"/>
              </a:lnTo>
              <a:lnTo>
                <a:pt x="8803" y="2477"/>
              </a:lnTo>
              <a:lnTo>
                <a:pt x="9048" y="2667"/>
              </a:lnTo>
              <a:lnTo>
                <a:pt x="9415" y="3620"/>
              </a:lnTo>
              <a:lnTo>
                <a:pt x="9659" y="3810"/>
              </a:lnTo>
              <a:lnTo>
                <a:pt x="10026" y="4191"/>
              </a:lnTo>
              <a:lnTo>
                <a:pt x="10271" y="4763"/>
              </a:lnTo>
              <a:lnTo>
                <a:pt x="10637" y="5334"/>
              </a:lnTo>
              <a:lnTo>
                <a:pt x="11004" y="5144"/>
              </a:lnTo>
              <a:lnTo>
                <a:pt x="11493" y="4572"/>
              </a:lnTo>
              <a:lnTo>
                <a:pt x="11860" y="4763"/>
              </a:lnTo>
              <a:lnTo>
                <a:pt x="12105" y="4382"/>
              </a:lnTo>
              <a:lnTo>
                <a:pt x="13083" y="4953"/>
              </a:lnTo>
              <a:lnTo>
                <a:pt x="14305" y="6096"/>
              </a:lnTo>
              <a:lnTo>
                <a:pt x="15406" y="7430"/>
              </a:lnTo>
              <a:lnTo>
                <a:pt x="16262" y="8573"/>
              </a:lnTo>
              <a:close/>
            </a:path>
          </a:pathLst>
        </a:custGeom>
        <a:pattFill prst="dashVert">
          <a:fgClr>
            <a:srgbClr val="000000"/>
          </a:fgClr>
          <a:bgClr>
            <a:srgbClr val="FFFFFF"/>
          </a:bgClr>
        </a:pattFill>
        <a:ln w="9525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 editAs="oneCell">
    <xdr:from>
      <xdr:col>14</xdr:col>
      <xdr:colOff>180975</xdr:colOff>
      <xdr:row>20</xdr:row>
      <xdr:rowOff>104775</xdr:rowOff>
    </xdr:from>
    <xdr:to>
      <xdr:col>14</xdr:col>
      <xdr:colOff>381000</xdr:colOff>
      <xdr:row>21</xdr:row>
      <xdr:rowOff>95250</xdr:rowOff>
    </xdr:to>
    <xdr:sp macro="" textlink="">
      <xdr:nvSpPr>
        <xdr:cNvPr id="32" name="d14100_1">
          <a:extLst>
            <a:ext uri="{FF2B5EF4-FFF2-40B4-BE49-F238E27FC236}">
              <a16:creationId xmlns:a16="http://schemas.microsoft.com/office/drawing/2014/main" id="{00000000-0008-0000-0200-000020000000}"/>
            </a:ext>
          </a:extLst>
        </xdr:cNvPr>
        <xdr:cNvSpPr>
          <a:spLocks/>
        </xdr:cNvSpPr>
      </xdr:nvSpPr>
      <xdr:spPr bwMode="auto">
        <a:xfrm>
          <a:off x="8715375" y="4400550"/>
          <a:ext cx="200025" cy="142875"/>
        </a:xfrm>
        <a:custGeom>
          <a:avLst/>
          <a:gdLst>
            <a:gd name="T0" fmla="*/ 0 w 16384"/>
            <a:gd name="T1" fmla="*/ 2147483646 h 16384"/>
            <a:gd name="T2" fmla="*/ 2147483646 w 16384"/>
            <a:gd name="T3" fmla="*/ 0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0 w 16384"/>
            <a:gd name="T13" fmla="*/ 2147483646 h 16384"/>
            <a:gd name="T14" fmla="*/ 0 60000 65536"/>
            <a:gd name="T15" fmla="*/ 0 60000 65536"/>
            <a:gd name="T16" fmla="*/ 0 60000 65536"/>
            <a:gd name="T17" fmla="*/ 0 60000 65536"/>
            <a:gd name="T18" fmla="*/ 0 60000 65536"/>
            <a:gd name="T19" fmla="*/ 0 60000 65536"/>
            <a:gd name="T20" fmla="*/ 0 60000 65536"/>
            <a:gd name="T21" fmla="*/ 0 w 16384"/>
            <a:gd name="T22" fmla="*/ 0 h 16384"/>
            <a:gd name="T23" fmla="*/ 16384 w 16384"/>
            <a:gd name="T24" fmla="*/ 16384 h 16384"/>
          </a:gdLst>
          <a:ahLst/>
          <a:cxnLst>
            <a:cxn ang="T14">
              <a:pos x="T0" y="T1"/>
            </a:cxn>
            <a:cxn ang="T15">
              <a:pos x="T2" y="T3"/>
            </a:cxn>
            <a:cxn ang="T16">
              <a:pos x="T4" y="T5"/>
            </a:cxn>
            <a:cxn ang="T17">
              <a:pos x="T6" y="T7"/>
            </a:cxn>
            <a:cxn ang="T18">
              <a:pos x="T8" y="T9"/>
            </a:cxn>
            <a:cxn ang="T19">
              <a:pos x="T10" y="T11"/>
            </a:cxn>
            <a:cxn ang="T20">
              <a:pos x="T12" y="T13"/>
            </a:cxn>
          </a:cxnLst>
          <a:rect l="T21" t="T22" r="T23" b="T24"/>
          <a:pathLst>
            <a:path w="16384" h="16384">
              <a:moveTo>
                <a:pt x="0" y="6554"/>
              </a:moveTo>
              <a:lnTo>
                <a:pt x="13263" y="0"/>
              </a:lnTo>
              <a:lnTo>
                <a:pt x="16384" y="6554"/>
              </a:lnTo>
              <a:lnTo>
                <a:pt x="7802" y="10923"/>
              </a:lnTo>
              <a:lnTo>
                <a:pt x="7802" y="14199"/>
              </a:lnTo>
              <a:lnTo>
                <a:pt x="1560" y="16384"/>
              </a:lnTo>
              <a:lnTo>
                <a:pt x="0" y="6554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5</xdr:col>
      <xdr:colOff>47625</xdr:colOff>
      <xdr:row>18</xdr:row>
      <xdr:rowOff>66675</xdr:rowOff>
    </xdr:from>
    <xdr:to>
      <xdr:col>15</xdr:col>
      <xdr:colOff>333375</xdr:colOff>
      <xdr:row>20</xdr:row>
      <xdr:rowOff>0</xdr:rowOff>
    </xdr:to>
    <xdr:sp macro="" textlink="">
      <xdr:nvSpPr>
        <xdr:cNvPr id="33" name="d14130_1">
          <a:extLst>
            <a:ext uri="{FF2B5EF4-FFF2-40B4-BE49-F238E27FC236}">
              <a16:creationId xmlns:a16="http://schemas.microsoft.com/office/drawing/2014/main" id="{00000000-0008-0000-0200-000021000000}"/>
            </a:ext>
          </a:extLst>
        </xdr:cNvPr>
        <xdr:cNvSpPr>
          <a:spLocks/>
        </xdr:cNvSpPr>
      </xdr:nvSpPr>
      <xdr:spPr bwMode="auto">
        <a:xfrm>
          <a:off x="9191625" y="4057650"/>
          <a:ext cx="285750" cy="238125"/>
        </a:xfrm>
        <a:custGeom>
          <a:avLst/>
          <a:gdLst>
            <a:gd name="T0" fmla="*/ 0 w 16384"/>
            <a:gd name="T1" fmla="*/ 2147483646 h 16384"/>
            <a:gd name="T2" fmla="*/ 2147483646 w 16384"/>
            <a:gd name="T3" fmla="*/ 0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0 w 16384"/>
            <a:gd name="T9" fmla="*/ 2147483646 h 16384"/>
            <a:gd name="T10" fmla="*/ 0 60000 65536"/>
            <a:gd name="T11" fmla="*/ 0 60000 65536"/>
            <a:gd name="T12" fmla="*/ 0 60000 65536"/>
            <a:gd name="T13" fmla="*/ 0 60000 65536"/>
            <a:gd name="T14" fmla="*/ 0 60000 65536"/>
            <a:gd name="T15" fmla="*/ 0 w 16384"/>
            <a:gd name="T16" fmla="*/ 0 h 16384"/>
            <a:gd name="T17" fmla="*/ 16384 w 16384"/>
            <a:gd name="T18" fmla="*/ 16384 h 16384"/>
          </a:gdLst>
          <a:ahLst/>
          <a:cxnLst>
            <a:cxn ang="T10">
              <a:pos x="T0" y="T1"/>
            </a:cxn>
            <a:cxn ang="T11">
              <a:pos x="T2" y="T3"/>
            </a:cxn>
            <a:cxn ang="T12">
              <a:pos x="T4" y="T5"/>
            </a:cxn>
            <a:cxn ang="T13">
              <a:pos x="T6" y="T7"/>
            </a:cxn>
            <a:cxn ang="T14">
              <a:pos x="T8" y="T9"/>
            </a:cxn>
          </a:cxnLst>
          <a:rect l="T15" t="T16" r="T17" b="T18"/>
          <a:pathLst>
            <a:path w="16384" h="16384">
              <a:moveTo>
                <a:pt x="0" y="7864"/>
              </a:moveTo>
              <a:lnTo>
                <a:pt x="12561" y="0"/>
              </a:lnTo>
              <a:lnTo>
                <a:pt x="16384" y="8520"/>
              </a:lnTo>
              <a:lnTo>
                <a:pt x="4369" y="16384"/>
              </a:lnTo>
              <a:lnTo>
                <a:pt x="0" y="7864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0</xdr:col>
      <xdr:colOff>333375</xdr:colOff>
      <xdr:row>35</xdr:row>
      <xdr:rowOff>47625</xdr:rowOff>
    </xdr:from>
    <xdr:to>
      <xdr:col>10</xdr:col>
      <xdr:colOff>476250</xdr:colOff>
      <xdr:row>35</xdr:row>
      <xdr:rowOff>133350</xdr:rowOff>
    </xdr:to>
    <xdr:sp macro="" textlink="">
      <xdr:nvSpPr>
        <xdr:cNvPr id="34" name="d14205_1">
          <a:extLst>
            <a:ext uri="{FF2B5EF4-FFF2-40B4-BE49-F238E27FC236}">
              <a16:creationId xmlns:a16="http://schemas.microsoft.com/office/drawing/2014/main" id="{00000000-0008-0000-0200-000022000000}"/>
            </a:ext>
          </a:extLst>
        </xdr:cNvPr>
        <xdr:cNvSpPr>
          <a:spLocks/>
        </xdr:cNvSpPr>
      </xdr:nvSpPr>
      <xdr:spPr bwMode="auto">
        <a:xfrm>
          <a:off x="6429375" y="6629400"/>
          <a:ext cx="142875" cy="85725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0 w 16384"/>
            <a:gd name="T9" fmla="*/ 2147483646 h 16384"/>
            <a:gd name="T10" fmla="*/ 2147483646 w 16384"/>
            <a:gd name="T11" fmla="*/ 0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0 60000 65536"/>
            <a:gd name="T19" fmla="*/ 0 60000 65536"/>
            <a:gd name="T20" fmla="*/ 0 60000 65536"/>
            <a:gd name="T21" fmla="*/ 0 60000 65536"/>
            <a:gd name="T22" fmla="*/ 0 60000 65536"/>
            <a:gd name="T23" fmla="*/ 0 60000 65536"/>
            <a:gd name="T24" fmla="*/ 0 60000 65536"/>
            <a:gd name="T25" fmla="*/ 0 60000 65536"/>
            <a:gd name="T26" fmla="*/ 0 60000 65536"/>
            <a:gd name="T27" fmla="*/ 0 w 16384"/>
            <a:gd name="T28" fmla="*/ 0 h 16384"/>
            <a:gd name="T29" fmla="*/ 16384 w 16384"/>
            <a:gd name="T30" fmla="*/ 16384 h 16384"/>
          </a:gdLst>
          <a:ahLst/>
          <a:cxnLst>
            <a:cxn ang="T18">
              <a:pos x="T0" y="T1"/>
            </a:cxn>
            <a:cxn ang="T19">
              <a:pos x="T2" y="T3"/>
            </a:cxn>
            <a:cxn ang="T20">
              <a:pos x="T4" y="T5"/>
            </a:cxn>
            <a:cxn ang="T21">
              <a:pos x="T6" y="T7"/>
            </a:cxn>
            <a:cxn ang="T22">
              <a:pos x="T8" y="T9"/>
            </a:cxn>
            <a:cxn ang="T23">
              <a:pos x="T10" y="T11"/>
            </a:cxn>
            <a:cxn ang="T24">
              <a:pos x="T12" y="T13"/>
            </a:cxn>
            <a:cxn ang="T25">
              <a:pos x="T14" y="T15"/>
            </a:cxn>
            <a:cxn ang="T26">
              <a:pos x="T16" y="T17"/>
            </a:cxn>
          </a:cxnLst>
          <a:rect l="T27" t="T28" r="T29" b="T30"/>
          <a:pathLst>
            <a:path w="16384" h="16384">
              <a:moveTo>
                <a:pt x="16384" y="10923"/>
              </a:moveTo>
              <a:lnTo>
                <a:pt x="7646" y="16384"/>
              </a:lnTo>
              <a:lnTo>
                <a:pt x="4369" y="12743"/>
              </a:lnTo>
              <a:lnTo>
                <a:pt x="1092" y="14564"/>
              </a:lnTo>
              <a:lnTo>
                <a:pt x="0" y="10923"/>
              </a:lnTo>
              <a:lnTo>
                <a:pt x="8738" y="0"/>
              </a:lnTo>
              <a:lnTo>
                <a:pt x="12015" y="3641"/>
              </a:lnTo>
              <a:lnTo>
                <a:pt x="13107" y="9102"/>
              </a:lnTo>
              <a:lnTo>
                <a:pt x="16384" y="10923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3</xdr:col>
      <xdr:colOff>19050</xdr:colOff>
      <xdr:row>50</xdr:row>
      <xdr:rowOff>57150</xdr:rowOff>
    </xdr:from>
    <xdr:to>
      <xdr:col>13</xdr:col>
      <xdr:colOff>276225</xdr:colOff>
      <xdr:row>51</xdr:row>
      <xdr:rowOff>38100</xdr:rowOff>
    </xdr:to>
    <xdr:sp macro="" textlink="">
      <xdr:nvSpPr>
        <xdr:cNvPr id="35" name="d14210_1">
          <a:extLst>
            <a:ext uri="{FF2B5EF4-FFF2-40B4-BE49-F238E27FC236}">
              <a16:creationId xmlns:a16="http://schemas.microsoft.com/office/drawing/2014/main" id="{00000000-0008-0000-0200-000023000000}"/>
            </a:ext>
          </a:extLst>
        </xdr:cNvPr>
        <xdr:cNvSpPr>
          <a:spLocks/>
        </xdr:cNvSpPr>
      </xdr:nvSpPr>
      <xdr:spPr bwMode="auto">
        <a:xfrm>
          <a:off x="7943850" y="8924925"/>
          <a:ext cx="257175" cy="13335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0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0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0 60000 65536"/>
            <a:gd name="T35" fmla="*/ 0 60000 65536"/>
            <a:gd name="T36" fmla="*/ 0 60000 65536"/>
            <a:gd name="T37" fmla="*/ 0 60000 65536"/>
            <a:gd name="T38" fmla="*/ 0 60000 65536"/>
            <a:gd name="T39" fmla="*/ 0 60000 65536"/>
            <a:gd name="T40" fmla="*/ 0 60000 65536"/>
            <a:gd name="T41" fmla="*/ 0 60000 65536"/>
            <a:gd name="T42" fmla="*/ 0 60000 65536"/>
            <a:gd name="T43" fmla="*/ 0 60000 65536"/>
            <a:gd name="T44" fmla="*/ 0 60000 65536"/>
            <a:gd name="T45" fmla="*/ 0 60000 65536"/>
            <a:gd name="T46" fmla="*/ 0 60000 65536"/>
            <a:gd name="T47" fmla="*/ 0 60000 65536"/>
            <a:gd name="T48" fmla="*/ 0 60000 65536"/>
            <a:gd name="T49" fmla="*/ 0 60000 65536"/>
            <a:gd name="T50" fmla="*/ 0 60000 65536"/>
            <a:gd name="T51" fmla="*/ 0 w 16384"/>
            <a:gd name="T52" fmla="*/ 0 h 16384"/>
            <a:gd name="T53" fmla="*/ 16384 w 16384"/>
            <a:gd name="T54" fmla="*/ 16384 h 16384"/>
          </a:gdLst>
          <a:ahLst/>
          <a:cxnLst>
            <a:cxn ang="T34">
              <a:pos x="T0" y="T1"/>
            </a:cxn>
            <a:cxn ang="T35">
              <a:pos x="T2" y="T3"/>
            </a:cxn>
            <a:cxn ang="T36">
              <a:pos x="T4" y="T5"/>
            </a:cxn>
            <a:cxn ang="T37">
              <a:pos x="T6" y="T7"/>
            </a:cxn>
            <a:cxn ang="T38">
              <a:pos x="T8" y="T9"/>
            </a:cxn>
            <a:cxn ang="T39">
              <a:pos x="T10" y="T11"/>
            </a:cxn>
            <a:cxn ang="T40">
              <a:pos x="T12" y="T13"/>
            </a:cxn>
            <a:cxn ang="T41">
              <a:pos x="T14" y="T15"/>
            </a:cxn>
            <a:cxn ang="T42">
              <a:pos x="T16" y="T17"/>
            </a:cxn>
            <a:cxn ang="T43">
              <a:pos x="T18" y="T19"/>
            </a:cxn>
            <a:cxn ang="T44">
              <a:pos x="T20" y="T21"/>
            </a:cxn>
            <a:cxn ang="T45">
              <a:pos x="T22" y="T23"/>
            </a:cxn>
            <a:cxn ang="T46">
              <a:pos x="T24" y="T25"/>
            </a:cxn>
            <a:cxn ang="T47">
              <a:pos x="T26" y="T27"/>
            </a:cxn>
            <a:cxn ang="T48">
              <a:pos x="T28" y="T29"/>
            </a:cxn>
            <a:cxn ang="T49">
              <a:pos x="T30" y="T31"/>
            </a:cxn>
            <a:cxn ang="T50">
              <a:pos x="T32" y="T33"/>
            </a:cxn>
          </a:cxnLst>
          <a:rect l="T51" t="T52" r="T53" b="T54"/>
          <a:pathLst>
            <a:path w="16384" h="16384">
              <a:moveTo>
                <a:pt x="13957" y="5851"/>
              </a:moveTo>
              <a:lnTo>
                <a:pt x="13957" y="9362"/>
              </a:lnTo>
              <a:lnTo>
                <a:pt x="16384" y="14043"/>
              </a:lnTo>
              <a:lnTo>
                <a:pt x="15777" y="16384"/>
              </a:lnTo>
              <a:lnTo>
                <a:pt x="12743" y="15214"/>
              </a:lnTo>
              <a:lnTo>
                <a:pt x="9709" y="9362"/>
              </a:lnTo>
              <a:lnTo>
                <a:pt x="6675" y="11703"/>
              </a:lnTo>
              <a:lnTo>
                <a:pt x="5461" y="9362"/>
              </a:lnTo>
              <a:lnTo>
                <a:pt x="2427" y="9362"/>
              </a:lnTo>
              <a:lnTo>
                <a:pt x="1214" y="8192"/>
              </a:lnTo>
              <a:lnTo>
                <a:pt x="0" y="4681"/>
              </a:lnTo>
              <a:lnTo>
                <a:pt x="1820" y="3511"/>
              </a:lnTo>
              <a:lnTo>
                <a:pt x="1214" y="0"/>
              </a:lnTo>
              <a:lnTo>
                <a:pt x="4248" y="2341"/>
              </a:lnTo>
              <a:lnTo>
                <a:pt x="5461" y="2341"/>
              </a:lnTo>
              <a:lnTo>
                <a:pt x="9709" y="2341"/>
              </a:lnTo>
              <a:lnTo>
                <a:pt x="13957" y="5851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4</xdr:col>
      <xdr:colOff>504825</xdr:colOff>
      <xdr:row>19</xdr:row>
      <xdr:rowOff>28575</xdr:rowOff>
    </xdr:from>
    <xdr:to>
      <xdr:col>15</xdr:col>
      <xdr:colOff>123825</xdr:colOff>
      <xdr:row>20</xdr:row>
      <xdr:rowOff>85725</xdr:rowOff>
    </xdr:to>
    <xdr:sp macro="" textlink="">
      <xdr:nvSpPr>
        <xdr:cNvPr id="36" name="d14100_2">
          <a:extLst>
            <a:ext uri="{FF2B5EF4-FFF2-40B4-BE49-F238E27FC236}">
              <a16:creationId xmlns:a16="http://schemas.microsoft.com/office/drawing/2014/main" id="{00000000-0008-0000-0200-000024000000}"/>
            </a:ext>
          </a:extLst>
        </xdr:cNvPr>
        <xdr:cNvSpPr>
          <a:spLocks/>
        </xdr:cNvSpPr>
      </xdr:nvSpPr>
      <xdr:spPr bwMode="auto">
        <a:xfrm>
          <a:off x="9039225" y="4171950"/>
          <a:ext cx="228600" cy="209550"/>
        </a:xfrm>
        <a:custGeom>
          <a:avLst/>
          <a:gdLst>
            <a:gd name="T0" fmla="*/ 2147483646 w 16384"/>
            <a:gd name="T1" fmla="*/ 0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0 w 16384"/>
            <a:gd name="T7" fmla="*/ 2147483646 h 16384"/>
            <a:gd name="T8" fmla="*/ 2147483646 w 16384"/>
            <a:gd name="T9" fmla="*/ 0 h 16384"/>
            <a:gd name="T10" fmla="*/ 0 60000 65536"/>
            <a:gd name="T11" fmla="*/ 0 60000 65536"/>
            <a:gd name="T12" fmla="*/ 0 60000 65536"/>
            <a:gd name="T13" fmla="*/ 0 60000 65536"/>
            <a:gd name="T14" fmla="*/ 0 60000 65536"/>
            <a:gd name="T15" fmla="*/ 0 w 16384"/>
            <a:gd name="T16" fmla="*/ 0 h 16384"/>
            <a:gd name="T17" fmla="*/ 16384 w 16384"/>
            <a:gd name="T18" fmla="*/ 16384 h 16384"/>
          </a:gdLst>
          <a:ahLst/>
          <a:cxnLst>
            <a:cxn ang="T10">
              <a:pos x="T0" y="T1"/>
            </a:cxn>
            <a:cxn ang="T11">
              <a:pos x="T2" y="T3"/>
            </a:cxn>
            <a:cxn ang="T12">
              <a:pos x="T4" y="T5"/>
            </a:cxn>
            <a:cxn ang="T13">
              <a:pos x="T6" y="T7"/>
            </a:cxn>
            <a:cxn ang="T14">
              <a:pos x="T8" y="T9"/>
            </a:cxn>
          </a:cxnLst>
          <a:rect l="T15" t="T16" r="T17" b="T18"/>
          <a:pathLst>
            <a:path w="16384" h="16384">
              <a:moveTo>
                <a:pt x="10923" y="0"/>
              </a:moveTo>
              <a:lnTo>
                <a:pt x="16384" y="9681"/>
              </a:lnTo>
              <a:lnTo>
                <a:pt x="4779" y="16384"/>
              </a:lnTo>
              <a:lnTo>
                <a:pt x="0" y="6703"/>
              </a:lnTo>
              <a:lnTo>
                <a:pt x="10923" y="0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5</xdr:col>
      <xdr:colOff>314325</xdr:colOff>
      <xdr:row>17</xdr:row>
      <xdr:rowOff>76200</xdr:rowOff>
    </xdr:from>
    <xdr:to>
      <xdr:col>16</xdr:col>
      <xdr:colOff>0</xdr:colOff>
      <xdr:row>18</xdr:row>
      <xdr:rowOff>142875</xdr:rowOff>
    </xdr:to>
    <xdr:sp macro="" textlink="">
      <xdr:nvSpPr>
        <xdr:cNvPr id="37" name="d14130_2">
          <a:extLst>
            <a:ext uri="{FF2B5EF4-FFF2-40B4-BE49-F238E27FC236}">
              <a16:creationId xmlns:a16="http://schemas.microsoft.com/office/drawing/2014/main" id="{00000000-0008-0000-0200-000025000000}"/>
            </a:ext>
          </a:extLst>
        </xdr:cNvPr>
        <xdr:cNvSpPr>
          <a:spLocks/>
        </xdr:cNvSpPr>
      </xdr:nvSpPr>
      <xdr:spPr bwMode="auto">
        <a:xfrm>
          <a:off x="9458325" y="3914775"/>
          <a:ext cx="295275" cy="219075"/>
        </a:xfrm>
        <a:custGeom>
          <a:avLst/>
          <a:gdLst>
            <a:gd name="T0" fmla="*/ 0 w 16384"/>
            <a:gd name="T1" fmla="*/ 2147483646 h 16384"/>
            <a:gd name="T2" fmla="*/ 2147483646 w 16384"/>
            <a:gd name="T3" fmla="*/ 0 h 16384"/>
            <a:gd name="T4" fmla="*/ 2147483646 w 16384"/>
            <a:gd name="T5" fmla="*/ 0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0 w 16384"/>
            <a:gd name="T11" fmla="*/ 2147483646 h 16384"/>
            <a:gd name="T12" fmla="*/ 0 60000 65536"/>
            <a:gd name="T13" fmla="*/ 0 60000 65536"/>
            <a:gd name="T14" fmla="*/ 0 60000 65536"/>
            <a:gd name="T15" fmla="*/ 0 60000 65536"/>
            <a:gd name="T16" fmla="*/ 0 60000 65536"/>
            <a:gd name="T17" fmla="*/ 0 60000 65536"/>
            <a:gd name="T18" fmla="*/ 0 w 16384"/>
            <a:gd name="T19" fmla="*/ 0 h 16384"/>
            <a:gd name="T20" fmla="*/ 16384 w 16384"/>
            <a:gd name="T21" fmla="*/ 16384 h 16384"/>
          </a:gdLst>
          <a:ahLst/>
          <a:cxnLst>
            <a:cxn ang="T12">
              <a:pos x="T0" y="T1"/>
            </a:cxn>
            <a:cxn ang="T13">
              <a:pos x="T2" y="T3"/>
            </a:cxn>
            <a:cxn ang="T14">
              <a:pos x="T4" y="T5"/>
            </a:cxn>
            <a:cxn ang="T15">
              <a:pos x="T6" y="T7"/>
            </a:cxn>
            <a:cxn ang="T16">
              <a:pos x="T8" y="T9"/>
            </a:cxn>
            <a:cxn ang="T17">
              <a:pos x="T10" y="T11"/>
            </a:cxn>
          </a:cxnLst>
          <a:rect l="T18" t="T19" r="T20" b="T21"/>
          <a:pathLst>
            <a:path w="16384" h="16384">
              <a:moveTo>
                <a:pt x="0" y="9973"/>
              </a:moveTo>
              <a:lnTo>
                <a:pt x="13011" y="0"/>
              </a:lnTo>
              <a:lnTo>
                <a:pt x="15902" y="0"/>
              </a:lnTo>
              <a:lnTo>
                <a:pt x="16384" y="4274"/>
              </a:lnTo>
              <a:lnTo>
                <a:pt x="2409" y="16384"/>
              </a:lnTo>
              <a:lnTo>
                <a:pt x="0" y="9973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</xdr:col>
      <xdr:colOff>323850</xdr:colOff>
      <xdr:row>46</xdr:row>
      <xdr:rowOff>123825</xdr:rowOff>
    </xdr:from>
    <xdr:to>
      <xdr:col>3</xdr:col>
      <xdr:colOff>381000</xdr:colOff>
      <xdr:row>48</xdr:row>
      <xdr:rowOff>28575</xdr:rowOff>
    </xdr:to>
    <xdr:sp macro="" textlink="">
      <xdr:nvSpPr>
        <xdr:cNvPr id="38" name="AutoShape 44">
          <a:extLst>
            <a:ext uri="{FF2B5EF4-FFF2-40B4-BE49-F238E27FC236}">
              <a16:creationId xmlns:a16="http://schemas.microsoft.com/office/drawing/2014/main" id="{00000000-0008-0000-0200-000026000000}"/>
            </a:ext>
          </a:extLst>
        </xdr:cNvPr>
        <xdr:cNvSpPr>
          <a:spLocks noChangeArrowheads="1"/>
        </xdr:cNvSpPr>
      </xdr:nvSpPr>
      <xdr:spPr bwMode="auto">
        <a:xfrm>
          <a:off x="1543050" y="8382000"/>
          <a:ext cx="666750" cy="209550"/>
        </a:xfrm>
        <a:prstGeom prst="flowChartProcess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湯河原町</a:t>
          </a: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defRPr sz="1000"/>
          </a:pP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2</xdr:col>
      <xdr:colOff>190500</xdr:colOff>
      <xdr:row>34</xdr:row>
      <xdr:rowOff>9525</xdr:rowOff>
    </xdr:from>
    <xdr:to>
      <xdr:col>3</xdr:col>
      <xdr:colOff>209550</xdr:colOff>
      <xdr:row>35</xdr:row>
      <xdr:rowOff>28575</xdr:rowOff>
    </xdr:to>
    <xdr:sp macro="" textlink="">
      <xdr:nvSpPr>
        <xdr:cNvPr id="39" name="Rectangle 45">
          <a:extLst>
            <a:ext uri="{FF2B5EF4-FFF2-40B4-BE49-F238E27FC236}">
              <a16:creationId xmlns:a16="http://schemas.microsoft.com/office/drawing/2014/main" id="{00000000-0008-0000-0200-000027000000}"/>
            </a:ext>
          </a:extLst>
        </xdr:cNvPr>
        <xdr:cNvSpPr>
          <a:spLocks noChangeArrowheads="1"/>
        </xdr:cNvSpPr>
      </xdr:nvSpPr>
      <xdr:spPr bwMode="auto">
        <a:xfrm>
          <a:off x="1409700" y="6438900"/>
          <a:ext cx="628650" cy="17145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南足柄市</a:t>
          </a:r>
        </a:p>
      </xdr:txBody>
    </xdr:sp>
    <xdr:clientData/>
  </xdr:twoCellAnchor>
  <xdr:twoCellAnchor>
    <xdr:from>
      <xdr:col>2</xdr:col>
      <xdr:colOff>47625</xdr:colOff>
      <xdr:row>21</xdr:row>
      <xdr:rowOff>142875</xdr:rowOff>
    </xdr:from>
    <xdr:to>
      <xdr:col>2</xdr:col>
      <xdr:colOff>581025</xdr:colOff>
      <xdr:row>23</xdr:row>
      <xdr:rowOff>28575</xdr:rowOff>
    </xdr:to>
    <xdr:sp macro="" textlink="">
      <xdr:nvSpPr>
        <xdr:cNvPr id="40" name="Rectangle 46">
          <a:extLst>
            <a:ext uri="{FF2B5EF4-FFF2-40B4-BE49-F238E27FC236}">
              <a16:creationId xmlns:a16="http://schemas.microsoft.com/office/drawing/2014/main" id="{00000000-0008-0000-0200-000028000000}"/>
            </a:ext>
          </a:extLst>
        </xdr:cNvPr>
        <xdr:cNvSpPr>
          <a:spLocks noChangeArrowheads="1"/>
        </xdr:cNvSpPr>
      </xdr:nvSpPr>
      <xdr:spPr bwMode="auto">
        <a:xfrm>
          <a:off x="1266825" y="4591050"/>
          <a:ext cx="533400" cy="19050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山北町</a:t>
          </a:r>
        </a:p>
      </xdr:txBody>
    </xdr:sp>
    <xdr:clientData/>
  </xdr:twoCellAnchor>
  <xdr:twoCellAnchor>
    <xdr:from>
      <xdr:col>4</xdr:col>
      <xdr:colOff>95250</xdr:colOff>
      <xdr:row>33</xdr:row>
      <xdr:rowOff>161925</xdr:rowOff>
    </xdr:from>
    <xdr:to>
      <xdr:col>4</xdr:col>
      <xdr:colOff>247650</xdr:colOff>
      <xdr:row>35</xdr:row>
      <xdr:rowOff>9525</xdr:rowOff>
    </xdr:to>
    <xdr:sp macro="" textlink="">
      <xdr:nvSpPr>
        <xdr:cNvPr id="41" name="Line 47">
          <a:extLst>
            <a:ext uri="{FF2B5EF4-FFF2-40B4-BE49-F238E27FC236}">
              <a16:creationId xmlns:a16="http://schemas.microsoft.com/office/drawing/2014/main" id="{00000000-0008-0000-0200-000029000000}"/>
            </a:ext>
          </a:extLst>
        </xdr:cNvPr>
        <xdr:cNvSpPr>
          <a:spLocks noChangeShapeType="1"/>
        </xdr:cNvSpPr>
      </xdr:nvSpPr>
      <xdr:spPr bwMode="auto">
        <a:xfrm flipH="1" flipV="1">
          <a:off x="2533650" y="6429375"/>
          <a:ext cx="152400" cy="1619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stealth" w="sm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</xdr:col>
      <xdr:colOff>219075</xdr:colOff>
      <xdr:row>47</xdr:row>
      <xdr:rowOff>28575</xdr:rowOff>
    </xdr:from>
    <xdr:to>
      <xdr:col>4</xdr:col>
      <xdr:colOff>561975</xdr:colOff>
      <xdr:row>47</xdr:row>
      <xdr:rowOff>28575</xdr:rowOff>
    </xdr:to>
    <xdr:sp macro="" textlink="">
      <xdr:nvSpPr>
        <xdr:cNvPr id="42" name="Line 48">
          <a:extLst>
            <a:ext uri="{FF2B5EF4-FFF2-40B4-BE49-F238E27FC236}">
              <a16:creationId xmlns:a16="http://schemas.microsoft.com/office/drawing/2014/main" id="{00000000-0008-0000-0200-00002A000000}"/>
            </a:ext>
          </a:extLst>
        </xdr:cNvPr>
        <xdr:cNvSpPr>
          <a:spLocks noChangeShapeType="1"/>
        </xdr:cNvSpPr>
      </xdr:nvSpPr>
      <xdr:spPr bwMode="auto">
        <a:xfrm flipH="1">
          <a:off x="2657475" y="8439150"/>
          <a:ext cx="3429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stealth" w="sm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</xdr:col>
      <xdr:colOff>390525</xdr:colOff>
      <xdr:row>26</xdr:row>
      <xdr:rowOff>66675</xdr:rowOff>
    </xdr:from>
    <xdr:to>
      <xdr:col>4</xdr:col>
      <xdr:colOff>257175</xdr:colOff>
      <xdr:row>27</xdr:row>
      <xdr:rowOff>66675</xdr:rowOff>
    </xdr:to>
    <xdr:sp macro="" textlink="">
      <xdr:nvSpPr>
        <xdr:cNvPr id="43" name="Rectangle 49">
          <a:extLst>
            <a:ext uri="{FF2B5EF4-FFF2-40B4-BE49-F238E27FC236}">
              <a16:creationId xmlns:a16="http://schemas.microsoft.com/office/drawing/2014/main" id="{00000000-0008-0000-0200-00002B000000}"/>
            </a:ext>
          </a:extLst>
        </xdr:cNvPr>
        <xdr:cNvSpPr>
          <a:spLocks noChangeArrowheads="1"/>
        </xdr:cNvSpPr>
      </xdr:nvSpPr>
      <xdr:spPr bwMode="auto">
        <a:xfrm>
          <a:off x="2219325" y="5276850"/>
          <a:ext cx="476250" cy="15240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松田町</a:t>
          </a:r>
        </a:p>
      </xdr:txBody>
    </xdr:sp>
    <xdr:clientData/>
  </xdr:twoCellAnchor>
  <xdr:twoCellAnchor>
    <xdr:from>
      <xdr:col>4</xdr:col>
      <xdr:colOff>266700</xdr:colOff>
      <xdr:row>32</xdr:row>
      <xdr:rowOff>0</xdr:rowOff>
    </xdr:from>
    <xdr:to>
      <xdr:col>5</xdr:col>
      <xdr:colOff>142875</xdr:colOff>
      <xdr:row>33</xdr:row>
      <xdr:rowOff>9525</xdr:rowOff>
    </xdr:to>
    <xdr:sp macro="" textlink="">
      <xdr:nvSpPr>
        <xdr:cNvPr id="44" name="Rectangle 50">
          <a:extLst>
            <a:ext uri="{FF2B5EF4-FFF2-40B4-BE49-F238E27FC236}">
              <a16:creationId xmlns:a16="http://schemas.microsoft.com/office/drawing/2014/main" id="{00000000-0008-0000-0200-00002C000000}"/>
            </a:ext>
          </a:extLst>
        </xdr:cNvPr>
        <xdr:cNvSpPr>
          <a:spLocks noChangeArrowheads="1"/>
        </xdr:cNvSpPr>
      </xdr:nvSpPr>
      <xdr:spPr bwMode="auto">
        <a:xfrm>
          <a:off x="2705100" y="6124575"/>
          <a:ext cx="485775" cy="161925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大井町</a:t>
          </a:r>
        </a:p>
      </xdr:txBody>
    </xdr:sp>
    <xdr:clientData/>
  </xdr:twoCellAnchor>
  <xdr:twoCellAnchor>
    <xdr:from>
      <xdr:col>5</xdr:col>
      <xdr:colOff>219075</xdr:colOff>
      <xdr:row>32</xdr:row>
      <xdr:rowOff>9525</xdr:rowOff>
    </xdr:from>
    <xdr:to>
      <xdr:col>6</xdr:col>
      <xdr:colOff>104775</xdr:colOff>
      <xdr:row>33</xdr:row>
      <xdr:rowOff>9525</xdr:rowOff>
    </xdr:to>
    <xdr:sp macro="" textlink="">
      <xdr:nvSpPr>
        <xdr:cNvPr id="45" name="Rectangle 51">
          <a:extLst>
            <a:ext uri="{FF2B5EF4-FFF2-40B4-BE49-F238E27FC236}">
              <a16:creationId xmlns:a16="http://schemas.microsoft.com/office/drawing/2014/main" id="{00000000-0008-0000-0200-00002D000000}"/>
            </a:ext>
          </a:extLst>
        </xdr:cNvPr>
        <xdr:cNvSpPr>
          <a:spLocks noChangeArrowheads="1"/>
        </xdr:cNvSpPr>
      </xdr:nvSpPr>
      <xdr:spPr bwMode="auto">
        <a:xfrm>
          <a:off x="3267075" y="6134100"/>
          <a:ext cx="495300" cy="15240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中井町</a:t>
          </a:r>
        </a:p>
      </xdr:txBody>
    </xdr:sp>
    <xdr:clientData/>
  </xdr:twoCellAnchor>
  <xdr:twoCellAnchor>
    <xdr:from>
      <xdr:col>6</xdr:col>
      <xdr:colOff>314325</xdr:colOff>
      <xdr:row>36</xdr:row>
      <xdr:rowOff>66675</xdr:rowOff>
    </xdr:from>
    <xdr:to>
      <xdr:col>6</xdr:col>
      <xdr:colOff>561975</xdr:colOff>
      <xdr:row>36</xdr:row>
      <xdr:rowOff>85725</xdr:rowOff>
    </xdr:to>
    <xdr:sp macro="" textlink="">
      <xdr:nvSpPr>
        <xdr:cNvPr id="46" name="Line 52">
          <a:extLst>
            <a:ext uri="{FF2B5EF4-FFF2-40B4-BE49-F238E27FC236}">
              <a16:creationId xmlns:a16="http://schemas.microsoft.com/office/drawing/2014/main" id="{00000000-0008-0000-0200-00002E000000}"/>
            </a:ext>
          </a:extLst>
        </xdr:cNvPr>
        <xdr:cNvSpPr>
          <a:spLocks noChangeShapeType="1"/>
        </xdr:cNvSpPr>
      </xdr:nvSpPr>
      <xdr:spPr bwMode="auto">
        <a:xfrm flipH="1" flipV="1">
          <a:off x="3971925" y="6800850"/>
          <a:ext cx="247650" cy="190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stealth" w="sm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9525</xdr:colOff>
      <xdr:row>26</xdr:row>
      <xdr:rowOff>9525</xdr:rowOff>
    </xdr:from>
    <xdr:to>
      <xdr:col>5</xdr:col>
      <xdr:colOff>504825</xdr:colOff>
      <xdr:row>27</xdr:row>
      <xdr:rowOff>28575</xdr:rowOff>
    </xdr:to>
    <xdr:sp macro="" textlink="">
      <xdr:nvSpPr>
        <xdr:cNvPr id="47" name="Rectangle 53">
          <a:extLst>
            <a:ext uri="{FF2B5EF4-FFF2-40B4-BE49-F238E27FC236}">
              <a16:creationId xmlns:a16="http://schemas.microsoft.com/office/drawing/2014/main" id="{00000000-0008-0000-0200-00002F000000}"/>
            </a:ext>
          </a:extLst>
        </xdr:cNvPr>
        <xdr:cNvSpPr>
          <a:spLocks noChangeArrowheads="1"/>
        </xdr:cNvSpPr>
      </xdr:nvSpPr>
      <xdr:spPr bwMode="auto">
        <a:xfrm>
          <a:off x="3057525" y="5219700"/>
          <a:ext cx="495300" cy="17145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秦野市</a:t>
          </a:r>
        </a:p>
      </xdr:txBody>
    </xdr:sp>
    <xdr:clientData/>
  </xdr:twoCellAnchor>
  <xdr:twoCellAnchor>
    <xdr:from>
      <xdr:col>6</xdr:col>
      <xdr:colOff>390525</xdr:colOff>
      <xdr:row>25</xdr:row>
      <xdr:rowOff>66675</xdr:rowOff>
    </xdr:from>
    <xdr:to>
      <xdr:col>7</xdr:col>
      <xdr:colOff>428625</xdr:colOff>
      <xdr:row>26</xdr:row>
      <xdr:rowOff>85725</xdr:rowOff>
    </xdr:to>
    <xdr:sp macro="" textlink="">
      <xdr:nvSpPr>
        <xdr:cNvPr id="48" name="Rectangle 54">
          <a:extLst>
            <a:ext uri="{FF2B5EF4-FFF2-40B4-BE49-F238E27FC236}">
              <a16:creationId xmlns:a16="http://schemas.microsoft.com/office/drawing/2014/main" id="{00000000-0008-0000-0200-000030000000}"/>
            </a:ext>
          </a:extLst>
        </xdr:cNvPr>
        <xdr:cNvSpPr>
          <a:spLocks noChangeArrowheads="1"/>
        </xdr:cNvSpPr>
      </xdr:nvSpPr>
      <xdr:spPr bwMode="auto">
        <a:xfrm>
          <a:off x="4048125" y="5124450"/>
          <a:ext cx="647700" cy="17145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伊勢原市</a:t>
          </a:r>
        </a:p>
      </xdr:txBody>
    </xdr:sp>
    <xdr:clientData/>
  </xdr:twoCellAnchor>
  <xdr:twoCellAnchor>
    <xdr:from>
      <xdr:col>8</xdr:col>
      <xdr:colOff>561975</xdr:colOff>
      <xdr:row>18</xdr:row>
      <xdr:rowOff>114300</xdr:rowOff>
    </xdr:from>
    <xdr:to>
      <xdr:col>9</xdr:col>
      <xdr:colOff>457200</xdr:colOff>
      <xdr:row>19</xdr:row>
      <xdr:rowOff>142875</xdr:rowOff>
    </xdr:to>
    <xdr:sp macro="" textlink="">
      <xdr:nvSpPr>
        <xdr:cNvPr id="49" name="Rectangle 59">
          <a:extLst>
            <a:ext uri="{FF2B5EF4-FFF2-40B4-BE49-F238E27FC236}">
              <a16:creationId xmlns:a16="http://schemas.microsoft.com/office/drawing/2014/main" id="{00000000-0008-0000-0200-000031000000}"/>
            </a:ext>
          </a:extLst>
        </xdr:cNvPr>
        <xdr:cNvSpPr>
          <a:spLocks noChangeArrowheads="1"/>
        </xdr:cNvSpPr>
      </xdr:nvSpPr>
      <xdr:spPr bwMode="auto">
        <a:xfrm>
          <a:off x="5438775" y="4105275"/>
          <a:ext cx="504825" cy="180975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座間市</a:t>
          </a:r>
        </a:p>
      </xdr:txBody>
    </xdr:sp>
    <xdr:clientData/>
  </xdr:twoCellAnchor>
  <xdr:twoCellAnchor>
    <xdr:from>
      <xdr:col>8</xdr:col>
      <xdr:colOff>523875</xdr:colOff>
      <xdr:row>20</xdr:row>
      <xdr:rowOff>133349</xdr:rowOff>
    </xdr:from>
    <xdr:to>
      <xdr:col>9</xdr:col>
      <xdr:colOff>123825</xdr:colOff>
      <xdr:row>26</xdr:row>
      <xdr:rowOff>76200</xdr:rowOff>
    </xdr:to>
    <xdr:sp macro="" textlink="">
      <xdr:nvSpPr>
        <xdr:cNvPr id="50" name="Rectangle 60">
          <a:extLst>
            <a:ext uri="{FF2B5EF4-FFF2-40B4-BE49-F238E27FC236}">
              <a16:creationId xmlns:a16="http://schemas.microsoft.com/office/drawing/2014/main" id="{00000000-0008-0000-0200-000032000000}"/>
            </a:ext>
          </a:extLst>
        </xdr:cNvPr>
        <xdr:cNvSpPr>
          <a:spLocks noChangeArrowheads="1"/>
        </xdr:cNvSpPr>
      </xdr:nvSpPr>
      <xdr:spPr bwMode="auto">
        <a:xfrm>
          <a:off x="5400675" y="4429124"/>
          <a:ext cx="209550" cy="857251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ctr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海老名市</a:t>
          </a:r>
        </a:p>
      </xdr:txBody>
    </xdr:sp>
    <xdr:clientData/>
  </xdr:twoCellAnchor>
  <xdr:twoCellAnchor>
    <xdr:from>
      <xdr:col>9</xdr:col>
      <xdr:colOff>342901</xdr:colOff>
      <xdr:row>20</xdr:row>
      <xdr:rowOff>142875</xdr:rowOff>
    </xdr:from>
    <xdr:to>
      <xdr:col>9</xdr:col>
      <xdr:colOff>514351</xdr:colOff>
      <xdr:row>24</xdr:row>
      <xdr:rowOff>123825</xdr:rowOff>
    </xdr:to>
    <xdr:sp macro="" textlink="">
      <xdr:nvSpPr>
        <xdr:cNvPr id="51" name="Rectangle 61">
          <a:extLst>
            <a:ext uri="{FF2B5EF4-FFF2-40B4-BE49-F238E27FC236}">
              <a16:creationId xmlns:a16="http://schemas.microsoft.com/office/drawing/2014/main" id="{00000000-0008-0000-0200-000033000000}"/>
            </a:ext>
          </a:extLst>
        </xdr:cNvPr>
        <xdr:cNvSpPr>
          <a:spLocks noChangeArrowheads="1"/>
        </xdr:cNvSpPr>
      </xdr:nvSpPr>
      <xdr:spPr bwMode="auto">
        <a:xfrm>
          <a:off x="5829301" y="4438650"/>
          <a:ext cx="171450" cy="59055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綾瀬市</a:t>
          </a:r>
        </a:p>
      </xdr:txBody>
    </xdr:sp>
    <xdr:clientData/>
  </xdr:twoCellAnchor>
  <xdr:twoCellAnchor>
    <xdr:from>
      <xdr:col>6</xdr:col>
      <xdr:colOff>0</xdr:colOff>
      <xdr:row>38</xdr:row>
      <xdr:rowOff>0</xdr:rowOff>
    </xdr:from>
    <xdr:to>
      <xdr:col>12</xdr:col>
      <xdr:colOff>0</xdr:colOff>
      <xdr:row>38</xdr:row>
      <xdr:rowOff>0</xdr:rowOff>
    </xdr:to>
    <xdr:sp macro="" textlink="">
      <xdr:nvSpPr>
        <xdr:cNvPr id="52" name="Line 62">
          <a:extLst>
            <a:ext uri="{FF2B5EF4-FFF2-40B4-BE49-F238E27FC236}">
              <a16:creationId xmlns:a16="http://schemas.microsoft.com/office/drawing/2014/main" id="{00000000-0008-0000-0200-000034000000}"/>
            </a:ext>
          </a:extLst>
        </xdr:cNvPr>
        <xdr:cNvSpPr>
          <a:spLocks noChangeShapeType="1"/>
        </xdr:cNvSpPr>
      </xdr:nvSpPr>
      <xdr:spPr bwMode="auto">
        <a:xfrm>
          <a:off x="3657600" y="7038975"/>
          <a:ext cx="36576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38</xdr:row>
      <xdr:rowOff>0</xdr:rowOff>
    </xdr:from>
    <xdr:to>
      <xdr:col>6</xdr:col>
      <xdr:colOff>0</xdr:colOff>
      <xdr:row>52</xdr:row>
      <xdr:rowOff>142875</xdr:rowOff>
    </xdr:to>
    <xdr:sp macro="" textlink="">
      <xdr:nvSpPr>
        <xdr:cNvPr id="53" name="Line 63">
          <a:extLst>
            <a:ext uri="{FF2B5EF4-FFF2-40B4-BE49-F238E27FC236}">
              <a16:creationId xmlns:a16="http://schemas.microsoft.com/office/drawing/2014/main" id="{00000000-0008-0000-0200-000035000000}"/>
            </a:ext>
          </a:extLst>
        </xdr:cNvPr>
        <xdr:cNvSpPr>
          <a:spLocks noChangeShapeType="1"/>
        </xdr:cNvSpPr>
      </xdr:nvSpPr>
      <xdr:spPr bwMode="auto">
        <a:xfrm>
          <a:off x="3657600" y="7038975"/>
          <a:ext cx="0" cy="22764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2</xdr:col>
      <xdr:colOff>0</xdr:colOff>
      <xdr:row>38</xdr:row>
      <xdr:rowOff>0</xdr:rowOff>
    </xdr:from>
    <xdr:to>
      <xdr:col>12</xdr:col>
      <xdr:colOff>0</xdr:colOff>
      <xdr:row>52</xdr:row>
      <xdr:rowOff>142875</xdr:rowOff>
    </xdr:to>
    <xdr:sp macro="" textlink="">
      <xdr:nvSpPr>
        <xdr:cNvPr id="54" name="Line 64">
          <a:extLst>
            <a:ext uri="{FF2B5EF4-FFF2-40B4-BE49-F238E27FC236}">
              <a16:creationId xmlns:a16="http://schemas.microsoft.com/office/drawing/2014/main" id="{00000000-0008-0000-0200-000036000000}"/>
            </a:ext>
          </a:extLst>
        </xdr:cNvPr>
        <xdr:cNvSpPr>
          <a:spLocks noChangeShapeType="1"/>
        </xdr:cNvSpPr>
      </xdr:nvSpPr>
      <xdr:spPr bwMode="auto">
        <a:xfrm flipH="1">
          <a:off x="7315200" y="7038975"/>
          <a:ext cx="0" cy="22764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53</xdr:row>
      <xdr:rowOff>0</xdr:rowOff>
    </xdr:from>
    <xdr:to>
      <xdr:col>12</xdr:col>
      <xdr:colOff>9525</xdr:colOff>
      <xdr:row>53</xdr:row>
      <xdr:rowOff>0</xdr:rowOff>
    </xdr:to>
    <xdr:sp macro="" textlink="">
      <xdr:nvSpPr>
        <xdr:cNvPr id="55" name="Line 65">
          <a:extLst>
            <a:ext uri="{FF2B5EF4-FFF2-40B4-BE49-F238E27FC236}">
              <a16:creationId xmlns:a16="http://schemas.microsoft.com/office/drawing/2014/main" id="{00000000-0008-0000-0200-000037000000}"/>
            </a:ext>
          </a:extLst>
        </xdr:cNvPr>
        <xdr:cNvSpPr>
          <a:spLocks noChangeShapeType="1"/>
        </xdr:cNvSpPr>
      </xdr:nvSpPr>
      <xdr:spPr bwMode="auto">
        <a:xfrm>
          <a:off x="3657600" y="9324975"/>
          <a:ext cx="36671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161925</xdr:colOff>
      <xdr:row>39</xdr:row>
      <xdr:rowOff>0</xdr:rowOff>
    </xdr:from>
    <xdr:to>
      <xdr:col>7</xdr:col>
      <xdr:colOff>142875</xdr:colOff>
      <xdr:row>40</xdr:row>
      <xdr:rowOff>0</xdr:rowOff>
    </xdr:to>
    <xdr:sp macro="" textlink="">
      <xdr:nvSpPr>
        <xdr:cNvPr id="56" name="Rectangle 72" descr="紙ふぶき (小)">
          <a:extLst>
            <a:ext uri="{FF2B5EF4-FFF2-40B4-BE49-F238E27FC236}">
              <a16:creationId xmlns:a16="http://schemas.microsoft.com/office/drawing/2014/main" id="{00000000-0008-0000-0200-000038000000}"/>
            </a:ext>
          </a:extLst>
        </xdr:cNvPr>
        <xdr:cNvSpPr>
          <a:spLocks noChangeArrowheads="1"/>
        </xdr:cNvSpPr>
      </xdr:nvSpPr>
      <xdr:spPr bwMode="auto">
        <a:xfrm>
          <a:off x="3819525" y="7191375"/>
          <a:ext cx="590550" cy="152400"/>
        </a:xfrm>
        <a:prstGeom prst="rect">
          <a:avLst/>
        </a:prstGeom>
        <a:pattFill prst="smConfetti">
          <a:fgClr>
            <a:srgbClr val="000000"/>
          </a:fgClr>
          <a:bgClr>
            <a:srgbClr val="FFFFFF"/>
          </a:bgClr>
        </a:patt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6</xdr:col>
      <xdr:colOff>161925</xdr:colOff>
      <xdr:row>40</xdr:row>
      <xdr:rowOff>142875</xdr:rowOff>
    </xdr:from>
    <xdr:to>
      <xdr:col>7</xdr:col>
      <xdr:colOff>142875</xdr:colOff>
      <xdr:row>42</xdr:row>
      <xdr:rowOff>9525</xdr:rowOff>
    </xdr:to>
    <xdr:sp macro="" textlink="">
      <xdr:nvSpPr>
        <xdr:cNvPr id="57" name="Rectangle 73" descr="格子 (小)">
          <a:extLst>
            <a:ext uri="{FF2B5EF4-FFF2-40B4-BE49-F238E27FC236}">
              <a16:creationId xmlns:a16="http://schemas.microsoft.com/office/drawing/2014/main" id="{00000000-0008-0000-0200-000039000000}"/>
            </a:ext>
          </a:extLst>
        </xdr:cNvPr>
        <xdr:cNvSpPr>
          <a:spLocks noChangeArrowheads="1"/>
        </xdr:cNvSpPr>
      </xdr:nvSpPr>
      <xdr:spPr bwMode="auto">
        <a:xfrm>
          <a:off x="3819525" y="7486650"/>
          <a:ext cx="590550" cy="171450"/>
        </a:xfrm>
        <a:prstGeom prst="rect">
          <a:avLst/>
        </a:prstGeom>
        <a:pattFill prst="smGrid">
          <a:fgClr>
            <a:srgbClr val="000000"/>
          </a:fgClr>
          <a:bgClr>
            <a:srgbClr val="FFFFFF"/>
          </a:bgClr>
        </a:patt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6</xdr:col>
      <xdr:colOff>161925</xdr:colOff>
      <xdr:row>44</xdr:row>
      <xdr:rowOff>142875</xdr:rowOff>
    </xdr:from>
    <xdr:to>
      <xdr:col>7</xdr:col>
      <xdr:colOff>142875</xdr:colOff>
      <xdr:row>45</xdr:row>
      <xdr:rowOff>142875</xdr:rowOff>
    </xdr:to>
    <xdr:sp macro="" textlink="">
      <xdr:nvSpPr>
        <xdr:cNvPr id="58" name="Rectangle 76" descr="右上がり対角線">
          <a:extLst>
            <a:ext uri="{FF2B5EF4-FFF2-40B4-BE49-F238E27FC236}">
              <a16:creationId xmlns:a16="http://schemas.microsoft.com/office/drawing/2014/main" id="{00000000-0008-0000-0200-00003A000000}"/>
            </a:ext>
          </a:extLst>
        </xdr:cNvPr>
        <xdr:cNvSpPr>
          <a:spLocks noChangeArrowheads="1"/>
        </xdr:cNvSpPr>
      </xdr:nvSpPr>
      <xdr:spPr bwMode="auto">
        <a:xfrm>
          <a:off x="3819525" y="8096250"/>
          <a:ext cx="590550" cy="152400"/>
        </a:xfrm>
        <a:prstGeom prst="rect">
          <a:avLst/>
        </a:prstGeom>
        <a:pattFill prst="ltUpDiag">
          <a:fgClr>
            <a:srgbClr val="000000"/>
          </a:fgClr>
          <a:bgClr>
            <a:srgbClr val="FFFFFF"/>
          </a:bgClr>
        </a:patt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6</xdr:col>
      <xdr:colOff>161925</xdr:colOff>
      <xdr:row>48</xdr:row>
      <xdr:rowOff>142875</xdr:rowOff>
    </xdr:from>
    <xdr:to>
      <xdr:col>7</xdr:col>
      <xdr:colOff>142875</xdr:colOff>
      <xdr:row>49</xdr:row>
      <xdr:rowOff>142875</xdr:rowOff>
    </xdr:to>
    <xdr:sp macro="" textlink="">
      <xdr:nvSpPr>
        <xdr:cNvPr id="59" name="Rectangle 77" descr="縦線">
          <a:extLst>
            <a:ext uri="{FF2B5EF4-FFF2-40B4-BE49-F238E27FC236}">
              <a16:creationId xmlns:a16="http://schemas.microsoft.com/office/drawing/2014/main" id="{00000000-0008-0000-0200-00003B000000}"/>
            </a:ext>
          </a:extLst>
        </xdr:cNvPr>
        <xdr:cNvSpPr>
          <a:spLocks noChangeArrowheads="1"/>
        </xdr:cNvSpPr>
      </xdr:nvSpPr>
      <xdr:spPr bwMode="auto">
        <a:xfrm>
          <a:off x="3819525" y="8705850"/>
          <a:ext cx="590550" cy="152400"/>
        </a:xfrm>
        <a:prstGeom prst="rect">
          <a:avLst/>
        </a:prstGeom>
        <a:pattFill prst="ltVert">
          <a:fgClr>
            <a:srgbClr val="000000"/>
          </a:fgClr>
          <a:bgClr>
            <a:srgbClr val="FFFFFF"/>
          </a:bgClr>
        </a:patt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6</xdr:col>
      <xdr:colOff>161925</xdr:colOff>
      <xdr:row>46</xdr:row>
      <xdr:rowOff>142875</xdr:rowOff>
    </xdr:from>
    <xdr:to>
      <xdr:col>7</xdr:col>
      <xdr:colOff>142875</xdr:colOff>
      <xdr:row>48</xdr:row>
      <xdr:rowOff>9525</xdr:rowOff>
    </xdr:to>
    <xdr:sp macro="" textlink="">
      <xdr:nvSpPr>
        <xdr:cNvPr id="60" name="Rectangle 79" descr="切り込み">
          <a:extLst>
            <a:ext uri="{FF2B5EF4-FFF2-40B4-BE49-F238E27FC236}">
              <a16:creationId xmlns:a16="http://schemas.microsoft.com/office/drawing/2014/main" id="{00000000-0008-0000-0200-00003C000000}"/>
            </a:ext>
          </a:extLst>
        </xdr:cNvPr>
        <xdr:cNvSpPr>
          <a:spLocks noChangeArrowheads="1"/>
        </xdr:cNvSpPr>
      </xdr:nvSpPr>
      <xdr:spPr bwMode="auto">
        <a:xfrm>
          <a:off x="3819525" y="8401050"/>
          <a:ext cx="590550" cy="171450"/>
        </a:xfrm>
        <a:prstGeom prst="rect">
          <a:avLst/>
        </a:prstGeom>
        <a:pattFill prst="divot">
          <a:fgClr>
            <a:srgbClr val="000000"/>
          </a:fgClr>
          <a:bgClr>
            <a:srgbClr val="FFFFFF"/>
          </a:bgClr>
        </a:patt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6</xdr:col>
      <xdr:colOff>161925</xdr:colOff>
      <xdr:row>43</xdr:row>
      <xdr:rowOff>76200</xdr:rowOff>
    </xdr:from>
    <xdr:to>
      <xdr:col>7</xdr:col>
      <xdr:colOff>142875</xdr:colOff>
      <xdr:row>43</xdr:row>
      <xdr:rowOff>76200</xdr:rowOff>
    </xdr:to>
    <xdr:sp macro="" textlink="">
      <xdr:nvSpPr>
        <xdr:cNvPr id="61" name="Line 80">
          <a:extLst>
            <a:ext uri="{FF2B5EF4-FFF2-40B4-BE49-F238E27FC236}">
              <a16:creationId xmlns:a16="http://schemas.microsoft.com/office/drawing/2014/main" id="{00000000-0008-0000-0200-00003D000000}"/>
            </a:ext>
          </a:extLst>
        </xdr:cNvPr>
        <xdr:cNvSpPr>
          <a:spLocks noChangeShapeType="1"/>
        </xdr:cNvSpPr>
      </xdr:nvSpPr>
      <xdr:spPr bwMode="auto">
        <a:xfrm>
          <a:off x="3819525" y="7877175"/>
          <a:ext cx="590550" cy="0"/>
        </a:xfrm>
        <a:prstGeom prst="line">
          <a:avLst/>
        </a:prstGeom>
        <a:noFill/>
        <a:ln w="38100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371475</xdr:colOff>
      <xdr:row>18</xdr:row>
      <xdr:rowOff>0</xdr:rowOff>
    </xdr:from>
    <xdr:to>
      <xdr:col>6</xdr:col>
      <xdr:colOff>266700</xdr:colOff>
      <xdr:row>19</xdr:row>
      <xdr:rowOff>47625</xdr:rowOff>
    </xdr:to>
    <xdr:sp macro="" textlink="">
      <xdr:nvSpPr>
        <xdr:cNvPr id="62" name="Rectangle 81">
          <a:extLst>
            <a:ext uri="{FF2B5EF4-FFF2-40B4-BE49-F238E27FC236}">
              <a16:creationId xmlns:a16="http://schemas.microsoft.com/office/drawing/2014/main" id="{00000000-0008-0000-0200-00003E000000}"/>
            </a:ext>
          </a:extLst>
        </xdr:cNvPr>
        <xdr:cNvSpPr>
          <a:spLocks noChangeArrowheads="1"/>
        </xdr:cNvSpPr>
      </xdr:nvSpPr>
      <xdr:spPr bwMode="auto">
        <a:xfrm>
          <a:off x="3419475" y="3990975"/>
          <a:ext cx="504825" cy="200025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清川村</a:t>
          </a:r>
        </a:p>
      </xdr:txBody>
    </xdr:sp>
    <xdr:clientData/>
  </xdr:twoCellAnchor>
  <xdr:twoCellAnchor>
    <xdr:from>
      <xdr:col>7</xdr:col>
      <xdr:colOff>371475</xdr:colOff>
      <xdr:row>20</xdr:row>
      <xdr:rowOff>123825</xdr:rowOff>
    </xdr:from>
    <xdr:to>
      <xdr:col>8</xdr:col>
      <xdr:colOff>266700</xdr:colOff>
      <xdr:row>22</xdr:row>
      <xdr:rowOff>19050</xdr:rowOff>
    </xdr:to>
    <xdr:sp macro="" textlink="">
      <xdr:nvSpPr>
        <xdr:cNvPr id="63" name="Rectangle 82">
          <a:extLst>
            <a:ext uri="{FF2B5EF4-FFF2-40B4-BE49-F238E27FC236}">
              <a16:creationId xmlns:a16="http://schemas.microsoft.com/office/drawing/2014/main" id="{00000000-0008-0000-0200-00003F000000}"/>
            </a:ext>
          </a:extLst>
        </xdr:cNvPr>
        <xdr:cNvSpPr>
          <a:spLocks noChangeArrowheads="1"/>
        </xdr:cNvSpPr>
      </xdr:nvSpPr>
      <xdr:spPr bwMode="auto">
        <a:xfrm>
          <a:off x="4638675" y="4419600"/>
          <a:ext cx="504825" cy="200025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厚木市</a:t>
          </a:r>
        </a:p>
      </xdr:txBody>
    </xdr:sp>
    <xdr:clientData/>
  </xdr:twoCellAnchor>
  <xdr:twoCellAnchor>
    <xdr:from>
      <xdr:col>6</xdr:col>
      <xdr:colOff>419100</xdr:colOff>
      <xdr:row>14</xdr:row>
      <xdr:rowOff>28575</xdr:rowOff>
    </xdr:from>
    <xdr:to>
      <xdr:col>7</xdr:col>
      <xdr:colOff>295275</xdr:colOff>
      <xdr:row>15</xdr:row>
      <xdr:rowOff>76200</xdr:rowOff>
    </xdr:to>
    <xdr:sp macro="" textlink="">
      <xdr:nvSpPr>
        <xdr:cNvPr id="64" name="Rectangle 83">
          <a:extLst>
            <a:ext uri="{FF2B5EF4-FFF2-40B4-BE49-F238E27FC236}">
              <a16:creationId xmlns:a16="http://schemas.microsoft.com/office/drawing/2014/main" id="{00000000-0008-0000-0200-000040000000}"/>
            </a:ext>
          </a:extLst>
        </xdr:cNvPr>
        <xdr:cNvSpPr>
          <a:spLocks noChangeArrowheads="1"/>
        </xdr:cNvSpPr>
      </xdr:nvSpPr>
      <xdr:spPr bwMode="auto">
        <a:xfrm>
          <a:off x="4076700" y="3409950"/>
          <a:ext cx="485775" cy="200025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愛川町</a:t>
          </a:r>
        </a:p>
      </xdr:txBody>
    </xdr:sp>
    <xdr:clientData/>
  </xdr:twoCellAnchor>
  <xdr:twoCellAnchor>
    <xdr:from>
      <xdr:col>6</xdr:col>
      <xdr:colOff>161925</xdr:colOff>
      <xdr:row>51</xdr:row>
      <xdr:rowOff>0</xdr:rowOff>
    </xdr:from>
    <xdr:to>
      <xdr:col>7</xdr:col>
      <xdr:colOff>142875</xdr:colOff>
      <xdr:row>52</xdr:row>
      <xdr:rowOff>0</xdr:rowOff>
    </xdr:to>
    <xdr:sp macro="" textlink="">
      <xdr:nvSpPr>
        <xdr:cNvPr id="65" name="Rectangle 84" descr="縦線 (破線)">
          <a:extLst>
            <a:ext uri="{FF2B5EF4-FFF2-40B4-BE49-F238E27FC236}">
              <a16:creationId xmlns:a16="http://schemas.microsoft.com/office/drawing/2014/main" id="{00000000-0008-0000-0200-000041000000}"/>
            </a:ext>
          </a:extLst>
        </xdr:cNvPr>
        <xdr:cNvSpPr>
          <a:spLocks noChangeArrowheads="1"/>
        </xdr:cNvSpPr>
      </xdr:nvSpPr>
      <xdr:spPr bwMode="auto">
        <a:xfrm>
          <a:off x="3819525" y="9020175"/>
          <a:ext cx="590550" cy="152400"/>
        </a:xfrm>
        <a:prstGeom prst="rect">
          <a:avLst/>
        </a:prstGeom>
        <a:pattFill prst="dashVert">
          <a:fgClr>
            <a:srgbClr val="000000"/>
          </a:fgClr>
          <a:bgClr>
            <a:srgbClr val="FFFFFF"/>
          </a:bgClr>
        </a:patt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8</xdr:col>
      <xdr:colOff>419100</xdr:colOff>
      <xdr:row>27</xdr:row>
      <xdr:rowOff>19049</xdr:rowOff>
    </xdr:from>
    <xdr:to>
      <xdr:col>9</xdr:col>
      <xdr:colOff>47625</xdr:colOff>
      <xdr:row>32</xdr:row>
      <xdr:rowOff>95250</xdr:rowOff>
    </xdr:to>
    <xdr:sp macro="" textlink="">
      <xdr:nvSpPr>
        <xdr:cNvPr id="66" name="Rectangle 85">
          <a:extLst>
            <a:ext uri="{FF2B5EF4-FFF2-40B4-BE49-F238E27FC236}">
              <a16:creationId xmlns:a16="http://schemas.microsoft.com/office/drawing/2014/main" id="{00000000-0008-0000-0200-000042000000}"/>
            </a:ext>
          </a:extLst>
        </xdr:cNvPr>
        <xdr:cNvSpPr>
          <a:spLocks noChangeArrowheads="1"/>
        </xdr:cNvSpPr>
      </xdr:nvSpPr>
      <xdr:spPr bwMode="auto">
        <a:xfrm>
          <a:off x="5295900" y="5381624"/>
          <a:ext cx="238125" cy="83820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寒川町</a:t>
          </a:r>
        </a:p>
      </xdr:txBody>
    </xdr:sp>
    <xdr:clientData/>
  </xdr:twoCellAnchor>
  <xdr:twoCellAnchor>
    <xdr:from>
      <xdr:col>5</xdr:col>
      <xdr:colOff>400050</xdr:colOff>
      <xdr:row>10</xdr:row>
      <xdr:rowOff>133350</xdr:rowOff>
    </xdr:from>
    <xdr:to>
      <xdr:col>7</xdr:col>
      <xdr:colOff>95250</xdr:colOff>
      <xdr:row>12</xdr:row>
      <xdr:rowOff>57150</xdr:rowOff>
    </xdr:to>
    <xdr:sp macro="" textlink="">
      <xdr:nvSpPr>
        <xdr:cNvPr id="67" name="Rectangle 55">
          <a:extLst>
            <a:ext uri="{FF2B5EF4-FFF2-40B4-BE49-F238E27FC236}">
              <a16:creationId xmlns:a16="http://schemas.microsoft.com/office/drawing/2014/main" id="{00000000-0008-0000-0200-000043000000}"/>
            </a:ext>
          </a:extLst>
        </xdr:cNvPr>
        <xdr:cNvSpPr>
          <a:spLocks noChangeArrowheads="1"/>
        </xdr:cNvSpPr>
      </xdr:nvSpPr>
      <xdr:spPr bwMode="auto">
        <a:xfrm>
          <a:off x="3448050" y="2905125"/>
          <a:ext cx="914400" cy="2286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相模原市</a:t>
          </a:r>
        </a:p>
      </xdr:txBody>
    </xdr:sp>
    <xdr:clientData/>
  </xdr:twoCellAnchor>
  <xdr:twoCellAnchor>
    <xdr:from>
      <xdr:col>4</xdr:col>
      <xdr:colOff>581025</xdr:colOff>
      <xdr:row>6</xdr:row>
      <xdr:rowOff>142875</xdr:rowOff>
    </xdr:from>
    <xdr:to>
      <xdr:col>5</xdr:col>
      <xdr:colOff>76200</xdr:colOff>
      <xdr:row>7</xdr:row>
      <xdr:rowOff>66675</xdr:rowOff>
    </xdr:to>
    <xdr:sp macro="" textlink="">
      <xdr:nvSpPr>
        <xdr:cNvPr id="68" name="Oval 106">
          <a:extLst>
            <a:ext uri="{FF2B5EF4-FFF2-40B4-BE49-F238E27FC236}">
              <a16:creationId xmlns:a16="http://schemas.microsoft.com/office/drawing/2014/main" id="{00000000-0008-0000-0200-000044000000}"/>
            </a:ext>
          </a:extLst>
        </xdr:cNvPr>
        <xdr:cNvSpPr>
          <a:spLocks noChangeArrowheads="1"/>
        </xdr:cNvSpPr>
      </xdr:nvSpPr>
      <xdr:spPr bwMode="auto">
        <a:xfrm>
          <a:off x="3019425" y="2305050"/>
          <a:ext cx="104775" cy="76200"/>
        </a:xfrm>
        <a:prstGeom prst="ellipse">
          <a:avLst/>
        </a:prstGeom>
        <a:solidFill>
          <a:srgbClr val="F7F4EE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</a:extLst>
      </xdr:spPr>
    </xdr:sp>
    <xdr:clientData/>
  </xdr:twoCellAnchor>
  <xdr:twoCellAnchor>
    <xdr:from>
      <xdr:col>1</xdr:col>
      <xdr:colOff>565151</xdr:colOff>
      <xdr:row>25</xdr:row>
      <xdr:rowOff>42862</xdr:rowOff>
    </xdr:from>
    <xdr:to>
      <xdr:col>2</xdr:col>
      <xdr:colOff>338475</xdr:colOff>
      <xdr:row>26</xdr:row>
      <xdr:rowOff>30497</xdr:rowOff>
    </xdr:to>
    <xdr:sp macro="" textlink="">
      <xdr:nvSpPr>
        <xdr:cNvPr id="69" name="フリーフォーム 68">
          <a:extLst>
            <a:ext uri="{FF2B5EF4-FFF2-40B4-BE49-F238E27FC236}">
              <a16:creationId xmlns:a16="http://schemas.microsoft.com/office/drawing/2014/main" id="{00000000-0008-0000-0200-000045000000}"/>
            </a:ext>
          </a:extLst>
        </xdr:cNvPr>
        <xdr:cNvSpPr/>
      </xdr:nvSpPr>
      <xdr:spPr>
        <a:xfrm>
          <a:off x="1174751" y="5100637"/>
          <a:ext cx="382924" cy="140035"/>
        </a:xfrm>
        <a:custGeom>
          <a:avLst/>
          <a:gdLst>
            <a:gd name="connsiteX0" fmla="*/ 11112 w 382924"/>
            <a:gd name="connsiteY0" fmla="*/ 47625 h 163848"/>
            <a:gd name="connsiteX1" fmla="*/ 96837 w 382924"/>
            <a:gd name="connsiteY1" fmla="*/ 0 h 163848"/>
            <a:gd name="connsiteX2" fmla="*/ 182562 w 382924"/>
            <a:gd name="connsiteY2" fmla="*/ 19050 h 163848"/>
            <a:gd name="connsiteX3" fmla="*/ 211137 w 382924"/>
            <a:gd name="connsiteY3" fmla="*/ 28575 h 163848"/>
            <a:gd name="connsiteX4" fmla="*/ 258762 w 382924"/>
            <a:gd name="connsiteY4" fmla="*/ 85725 h 163848"/>
            <a:gd name="connsiteX5" fmla="*/ 296862 w 382924"/>
            <a:gd name="connsiteY5" fmla="*/ 95250 h 163848"/>
            <a:gd name="connsiteX6" fmla="*/ 277812 w 382924"/>
            <a:gd name="connsiteY6" fmla="*/ 38100 h 163848"/>
            <a:gd name="connsiteX7" fmla="*/ 296862 w 382924"/>
            <a:gd name="connsiteY7" fmla="*/ 19050 h 163848"/>
            <a:gd name="connsiteX8" fmla="*/ 325437 w 382924"/>
            <a:gd name="connsiteY8" fmla="*/ 38100 h 163848"/>
            <a:gd name="connsiteX9" fmla="*/ 344487 w 382924"/>
            <a:gd name="connsiteY9" fmla="*/ 66675 h 163848"/>
            <a:gd name="connsiteX10" fmla="*/ 373062 w 382924"/>
            <a:gd name="connsiteY10" fmla="*/ 76200 h 163848"/>
            <a:gd name="connsiteX11" fmla="*/ 315912 w 382924"/>
            <a:gd name="connsiteY11" fmla="*/ 123825 h 163848"/>
            <a:gd name="connsiteX12" fmla="*/ 296862 w 382924"/>
            <a:gd name="connsiteY12" fmla="*/ 152400 h 163848"/>
            <a:gd name="connsiteX13" fmla="*/ 258762 w 382924"/>
            <a:gd name="connsiteY13" fmla="*/ 161925 h 163848"/>
            <a:gd name="connsiteX14" fmla="*/ 211137 w 382924"/>
            <a:gd name="connsiteY14" fmla="*/ 152400 h 163848"/>
            <a:gd name="connsiteX15" fmla="*/ 163512 w 382924"/>
            <a:gd name="connsiteY15" fmla="*/ 76200 h 163848"/>
            <a:gd name="connsiteX16" fmla="*/ 11112 w 382924"/>
            <a:gd name="connsiteY16" fmla="*/ 47625 h 163848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  <a:cxn ang="0">
              <a:pos x="connsiteX5" y="connsiteY5"/>
            </a:cxn>
            <a:cxn ang="0">
              <a:pos x="connsiteX6" y="connsiteY6"/>
            </a:cxn>
            <a:cxn ang="0">
              <a:pos x="connsiteX7" y="connsiteY7"/>
            </a:cxn>
            <a:cxn ang="0">
              <a:pos x="connsiteX8" y="connsiteY8"/>
            </a:cxn>
            <a:cxn ang="0">
              <a:pos x="connsiteX9" y="connsiteY9"/>
            </a:cxn>
            <a:cxn ang="0">
              <a:pos x="connsiteX10" y="connsiteY10"/>
            </a:cxn>
            <a:cxn ang="0">
              <a:pos x="connsiteX11" y="connsiteY11"/>
            </a:cxn>
            <a:cxn ang="0">
              <a:pos x="connsiteX12" y="connsiteY12"/>
            </a:cxn>
            <a:cxn ang="0">
              <a:pos x="connsiteX13" y="connsiteY13"/>
            </a:cxn>
            <a:cxn ang="0">
              <a:pos x="connsiteX14" y="connsiteY14"/>
            </a:cxn>
            <a:cxn ang="0">
              <a:pos x="connsiteX15" y="connsiteY15"/>
            </a:cxn>
            <a:cxn ang="0">
              <a:pos x="connsiteX16" y="connsiteY16"/>
            </a:cxn>
          </a:cxnLst>
          <a:rect l="l" t="t" r="r" b="b"/>
          <a:pathLst>
            <a:path w="382924" h="163848">
              <a:moveTo>
                <a:pt x="11112" y="47625"/>
              </a:moveTo>
              <a:cubicBezTo>
                <a:pt x="0" y="34925"/>
                <a:pt x="46542" y="16765"/>
                <a:pt x="96837" y="0"/>
              </a:cubicBezTo>
              <a:cubicBezTo>
                <a:pt x="129573" y="6547"/>
                <a:pt x="151175" y="10082"/>
                <a:pt x="182562" y="19050"/>
              </a:cubicBezTo>
              <a:cubicBezTo>
                <a:pt x="192216" y="21808"/>
                <a:pt x="201612" y="25400"/>
                <a:pt x="211137" y="28575"/>
              </a:cubicBezTo>
              <a:cubicBezTo>
                <a:pt x="223276" y="46783"/>
                <a:pt x="239017" y="74442"/>
                <a:pt x="258762" y="85725"/>
              </a:cubicBezTo>
              <a:cubicBezTo>
                <a:pt x="270128" y="92220"/>
                <a:pt x="284162" y="92075"/>
                <a:pt x="296862" y="95250"/>
              </a:cubicBezTo>
              <a:lnTo>
                <a:pt x="277812" y="38100"/>
              </a:lnTo>
              <a:cubicBezTo>
                <a:pt x="265112" y="0"/>
                <a:pt x="258762" y="6350"/>
                <a:pt x="296862" y="19050"/>
              </a:cubicBezTo>
              <a:cubicBezTo>
                <a:pt x="306387" y="25400"/>
                <a:pt x="317342" y="30005"/>
                <a:pt x="325437" y="38100"/>
              </a:cubicBezTo>
              <a:cubicBezTo>
                <a:pt x="333532" y="46195"/>
                <a:pt x="335548" y="59524"/>
                <a:pt x="344487" y="66675"/>
              </a:cubicBezTo>
              <a:cubicBezTo>
                <a:pt x="352327" y="72947"/>
                <a:pt x="363537" y="73025"/>
                <a:pt x="373062" y="76200"/>
              </a:cubicBezTo>
              <a:cubicBezTo>
                <a:pt x="354314" y="151192"/>
                <a:pt x="382924" y="85533"/>
                <a:pt x="315912" y="123825"/>
              </a:cubicBezTo>
              <a:cubicBezTo>
                <a:pt x="305973" y="129505"/>
                <a:pt x="306387" y="146050"/>
                <a:pt x="296862" y="152400"/>
              </a:cubicBezTo>
              <a:cubicBezTo>
                <a:pt x="285970" y="159662"/>
                <a:pt x="271462" y="158750"/>
                <a:pt x="258762" y="161925"/>
              </a:cubicBezTo>
              <a:cubicBezTo>
                <a:pt x="242887" y="158750"/>
                <a:pt x="222585" y="163848"/>
                <a:pt x="211137" y="152400"/>
              </a:cubicBezTo>
              <a:cubicBezTo>
                <a:pt x="138627" y="79890"/>
                <a:pt x="237208" y="108954"/>
                <a:pt x="163512" y="76200"/>
              </a:cubicBezTo>
              <a:cubicBezTo>
                <a:pt x="93541" y="45102"/>
                <a:pt x="22224" y="60325"/>
                <a:pt x="11112" y="47625"/>
              </a:cubicBezTo>
              <a:close/>
            </a:path>
          </a:pathLst>
        </a:custGeom>
        <a:solidFill>
          <a:srgbClr val="FFFFFF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</xdr:col>
      <xdr:colOff>604838</xdr:colOff>
      <xdr:row>7</xdr:row>
      <xdr:rowOff>38100</xdr:rowOff>
    </xdr:from>
    <xdr:to>
      <xdr:col>4</xdr:col>
      <xdr:colOff>133350</xdr:colOff>
      <xdr:row>16</xdr:row>
      <xdr:rowOff>123825</xdr:rowOff>
    </xdr:to>
    <xdr:sp macro="" textlink="">
      <xdr:nvSpPr>
        <xdr:cNvPr id="70" name="フリーフォーム 69">
          <a:extLst>
            <a:ext uri="{FF2B5EF4-FFF2-40B4-BE49-F238E27FC236}">
              <a16:creationId xmlns:a16="http://schemas.microsoft.com/office/drawing/2014/main" id="{00000000-0008-0000-0200-000046000000}"/>
            </a:ext>
          </a:extLst>
        </xdr:cNvPr>
        <xdr:cNvSpPr/>
      </xdr:nvSpPr>
      <xdr:spPr>
        <a:xfrm>
          <a:off x="1824038" y="2352675"/>
          <a:ext cx="747712" cy="1457325"/>
        </a:xfrm>
        <a:custGeom>
          <a:avLst/>
          <a:gdLst>
            <a:gd name="connsiteX0" fmla="*/ 0 w 747712"/>
            <a:gd name="connsiteY0" fmla="*/ 1457325 h 1457325"/>
            <a:gd name="connsiteX1" fmla="*/ 57150 w 747712"/>
            <a:gd name="connsiteY1" fmla="*/ 1452563 h 1457325"/>
            <a:gd name="connsiteX2" fmla="*/ 114300 w 747712"/>
            <a:gd name="connsiteY2" fmla="*/ 1433513 h 1457325"/>
            <a:gd name="connsiteX3" fmla="*/ 157162 w 747712"/>
            <a:gd name="connsiteY3" fmla="*/ 1423988 h 1457325"/>
            <a:gd name="connsiteX4" fmla="*/ 304800 w 747712"/>
            <a:gd name="connsiteY4" fmla="*/ 1266825 h 1457325"/>
            <a:gd name="connsiteX5" fmla="*/ 390525 w 747712"/>
            <a:gd name="connsiteY5" fmla="*/ 1219200 h 1457325"/>
            <a:gd name="connsiteX6" fmla="*/ 419100 w 747712"/>
            <a:gd name="connsiteY6" fmla="*/ 1147763 h 1457325"/>
            <a:gd name="connsiteX7" fmla="*/ 452437 w 747712"/>
            <a:gd name="connsiteY7" fmla="*/ 1143000 h 1457325"/>
            <a:gd name="connsiteX8" fmla="*/ 452437 w 747712"/>
            <a:gd name="connsiteY8" fmla="*/ 1133475 h 1457325"/>
            <a:gd name="connsiteX9" fmla="*/ 490537 w 747712"/>
            <a:gd name="connsiteY9" fmla="*/ 1114425 h 1457325"/>
            <a:gd name="connsiteX10" fmla="*/ 490537 w 747712"/>
            <a:gd name="connsiteY10" fmla="*/ 942975 h 1457325"/>
            <a:gd name="connsiteX11" fmla="*/ 533400 w 747712"/>
            <a:gd name="connsiteY11" fmla="*/ 857250 h 1457325"/>
            <a:gd name="connsiteX12" fmla="*/ 595312 w 747712"/>
            <a:gd name="connsiteY12" fmla="*/ 823913 h 1457325"/>
            <a:gd name="connsiteX13" fmla="*/ 633412 w 747712"/>
            <a:gd name="connsiteY13" fmla="*/ 771525 h 1457325"/>
            <a:gd name="connsiteX14" fmla="*/ 690562 w 747712"/>
            <a:gd name="connsiteY14" fmla="*/ 700088 h 1457325"/>
            <a:gd name="connsiteX15" fmla="*/ 685800 w 747712"/>
            <a:gd name="connsiteY15" fmla="*/ 676275 h 1457325"/>
            <a:gd name="connsiteX16" fmla="*/ 671512 w 747712"/>
            <a:gd name="connsiteY16" fmla="*/ 642938 h 1457325"/>
            <a:gd name="connsiteX17" fmla="*/ 666750 w 747712"/>
            <a:gd name="connsiteY17" fmla="*/ 528638 h 1457325"/>
            <a:gd name="connsiteX18" fmla="*/ 657225 w 747712"/>
            <a:gd name="connsiteY18" fmla="*/ 476250 h 1457325"/>
            <a:gd name="connsiteX19" fmla="*/ 642937 w 747712"/>
            <a:gd name="connsiteY19" fmla="*/ 442913 h 1457325"/>
            <a:gd name="connsiteX20" fmla="*/ 609600 w 747712"/>
            <a:gd name="connsiteY20" fmla="*/ 447675 h 1457325"/>
            <a:gd name="connsiteX21" fmla="*/ 590550 w 747712"/>
            <a:gd name="connsiteY21" fmla="*/ 442913 h 1457325"/>
            <a:gd name="connsiteX22" fmla="*/ 590550 w 747712"/>
            <a:gd name="connsiteY22" fmla="*/ 423863 h 1457325"/>
            <a:gd name="connsiteX23" fmla="*/ 628650 w 747712"/>
            <a:gd name="connsiteY23" fmla="*/ 347663 h 1457325"/>
            <a:gd name="connsiteX24" fmla="*/ 642937 w 747712"/>
            <a:gd name="connsiteY24" fmla="*/ 304800 h 1457325"/>
            <a:gd name="connsiteX25" fmla="*/ 676275 w 747712"/>
            <a:gd name="connsiteY25" fmla="*/ 300038 h 1457325"/>
            <a:gd name="connsiteX26" fmla="*/ 723900 w 747712"/>
            <a:gd name="connsiteY26" fmla="*/ 142875 h 1457325"/>
            <a:gd name="connsiteX27" fmla="*/ 723900 w 747712"/>
            <a:gd name="connsiteY27" fmla="*/ 90488 h 1457325"/>
            <a:gd name="connsiteX28" fmla="*/ 681037 w 747712"/>
            <a:gd name="connsiteY28" fmla="*/ 33338 h 1457325"/>
            <a:gd name="connsiteX29" fmla="*/ 685800 w 747712"/>
            <a:gd name="connsiteY29" fmla="*/ 23813 h 1457325"/>
            <a:gd name="connsiteX30" fmla="*/ 747712 w 747712"/>
            <a:gd name="connsiteY30" fmla="*/ 0 h 1457325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  <a:cxn ang="0">
              <a:pos x="connsiteX5" y="connsiteY5"/>
            </a:cxn>
            <a:cxn ang="0">
              <a:pos x="connsiteX6" y="connsiteY6"/>
            </a:cxn>
            <a:cxn ang="0">
              <a:pos x="connsiteX7" y="connsiteY7"/>
            </a:cxn>
            <a:cxn ang="0">
              <a:pos x="connsiteX8" y="connsiteY8"/>
            </a:cxn>
            <a:cxn ang="0">
              <a:pos x="connsiteX9" y="connsiteY9"/>
            </a:cxn>
            <a:cxn ang="0">
              <a:pos x="connsiteX10" y="connsiteY10"/>
            </a:cxn>
            <a:cxn ang="0">
              <a:pos x="connsiteX11" y="connsiteY11"/>
            </a:cxn>
            <a:cxn ang="0">
              <a:pos x="connsiteX12" y="connsiteY12"/>
            </a:cxn>
            <a:cxn ang="0">
              <a:pos x="connsiteX13" y="connsiteY13"/>
            </a:cxn>
            <a:cxn ang="0">
              <a:pos x="connsiteX14" y="connsiteY14"/>
            </a:cxn>
            <a:cxn ang="0">
              <a:pos x="connsiteX15" y="connsiteY15"/>
            </a:cxn>
            <a:cxn ang="0">
              <a:pos x="connsiteX16" y="connsiteY16"/>
            </a:cxn>
            <a:cxn ang="0">
              <a:pos x="connsiteX17" y="connsiteY17"/>
            </a:cxn>
            <a:cxn ang="0">
              <a:pos x="connsiteX18" y="connsiteY18"/>
            </a:cxn>
            <a:cxn ang="0">
              <a:pos x="connsiteX19" y="connsiteY19"/>
            </a:cxn>
            <a:cxn ang="0">
              <a:pos x="connsiteX20" y="connsiteY20"/>
            </a:cxn>
            <a:cxn ang="0">
              <a:pos x="connsiteX21" y="connsiteY21"/>
            </a:cxn>
            <a:cxn ang="0">
              <a:pos x="connsiteX22" y="connsiteY22"/>
            </a:cxn>
            <a:cxn ang="0">
              <a:pos x="connsiteX23" y="connsiteY23"/>
            </a:cxn>
            <a:cxn ang="0">
              <a:pos x="connsiteX24" y="connsiteY24"/>
            </a:cxn>
            <a:cxn ang="0">
              <a:pos x="connsiteX25" y="connsiteY25"/>
            </a:cxn>
            <a:cxn ang="0">
              <a:pos x="connsiteX26" y="connsiteY26"/>
            </a:cxn>
            <a:cxn ang="0">
              <a:pos x="connsiteX27" y="connsiteY27"/>
            </a:cxn>
            <a:cxn ang="0">
              <a:pos x="connsiteX28" y="connsiteY28"/>
            </a:cxn>
            <a:cxn ang="0">
              <a:pos x="connsiteX29" y="connsiteY29"/>
            </a:cxn>
            <a:cxn ang="0">
              <a:pos x="connsiteX30" y="connsiteY30"/>
            </a:cxn>
          </a:cxnLst>
          <a:rect l="l" t="t" r="r" b="b"/>
          <a:pathLst>
            <a:path w="747712" h="1457325">
              <a:moveTo>
                <a:pt x="0" y="1457325"/>
              </a:moveTo>
              <a:lnTo>
                <a:pt x="57150" y="1452563"/>
              </a:lnTo>
              <a:lnTo>
                <a:pt x="114300" y="1433513"/>
              </a:lnTo>
              <a:lnTo>
                <a:pt x="157162" y="1423988"/>
              </a:lnTo>
              <a:lnTo>
                <a:pt x="304800" y="1266825"/>
              </a:lnTo>
              <a:lnTo>
                <a:pt x="390525" y="1219200"/>
              </a:lnTo>
              <a:lnTo>
                <a:pt x="419100" y="1147763"/>
              </a:lnTo>
              <a:lnTo>
                <a:pt x="452437" y="1143000"/>
              </a:lnTo>
              <a:lnTo>
                <a:pt x="452437" y="1133475"/>
              </a:lnTo>
              <a:lnTo>
                <a:pt x="490537" y="1114425"/>
              </a:lnTo>
              <a:lnTo>
                <a:pt x="490537" y="942975"/>
              </a:lnTo>
              <a:lnTo>
                <a:pt x="533400" y="857250"/>
              </a:lnTo>
              <a:lnTo>
                <a:pt x="595312" y="823913"/>
              </a:lnTo>
              <a:lnTo>
                <a:pt x="633412" y="771525"/>
              </a:lnTo>
              <a:lnTo>
                <a:pt x="690562" y="700088"/>
              </a:lnTo>
              <a:lnTo>
                <a:pt x="685800" y="676275"/>
              </a:lnTo>
              <a:lnTo>
                <a:pt x="671512" y="642938"/>
              </a:lnTo>
              <a:lnTo>
                <a:pt x="666750" y="528638"/>
              </a:lnTo>
              <a:lnTo>
                <a:pt x="657225" y="476250"/>
              </a:lnTo>
              <a:lnTo>
                <a:pt x="642937" y="442913"/>
              </a:lnTo>
              <a:lnTo>
                <a:pt x="609600" y="447675"/>
              </a:lnTo>
              <a:lnTo>
                <a:pt x="590550" y="442913"/>
              </a:lnTo>
              <a:lnTo>
                <a:pt x="590550" y="423863"/>
              </a:lnTo>
              <a:lnTo>
                <a:pt x="628650" y="347663"/>
              </a:lnTo>
              <a:lnTo>
                <a:pt x="642937" y="304800"/>
              </a:lnTo>
              <a:lnTo>
                <a:pt x="676275" y="300038"/>
              </a:lnTo>
              <a:lnTo>
                <a:pt x="723900" y="142875"/>
              </a:lnTo>
              <a:lnTo>
                <a:pt x="723900" y="90488"/>
              </a:lnTo>
              <a:lnTo>
                <a:pt x="681037" y="33338"/>
              </a:lnTo>
              <a:lnTo>
                <a:pt x="685800" y="23813"/>
              </a:lnTo>
              <a:lnTo>
                <a:pt x="747712" y="0"/>
              </a:lnTo>
            </a:path>
          </a:pathLst>
        </a:cu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3</xdr:col>
      <xdr:colOff>547688</xdr:colOff>
      <xdr:row>3</xdr:row>
      <xdr:rowOff>28575</xdr:rowOff>
    </xdr:from>
    <xdr:to>
      <xdr:col>4</xdr:col>
      <xdr:colOff>138113</xdr:colOff>
      <xdr:row>7</xdr:row>
      <xdr:rowOff>47625</xdr:rowOff>
    </xdr:to>
    <xdr:sp macro="" textlink="">
      <xdr:nvSpPr>
        <xdr:cNvPr id="71" name="フリーフォーム 70">
          <a:extLst>
            <a:ext uri="{FF2B5EF4-FFF2-40B4-BE49-F238E27FC236}">
              <a16:creationId xmlns:a16="http://schemas.microsoft.com/office/drawing/2014/main" id="{00000000-0008-0000-0200-000047000000}"/>
            </a:ext>
          </a:extLst>
        </xdr:cNvPr>
        <xdr:cNvSpPr/>
      </xdr:nvSpPr>
      <xdr:spPr>
        <a:xfrm>
          <a:off x="2376488" y="1733550"/>
          <a:ext cx="200025" cy="628650"/>
        </a:xfrm>
        <a:custGeom>
          <a:avLst/>
          <a:gdLst>
            <a:gd name="connsiteX0" fmla="*/ 200025 w 200025"/>
            <a:gd name="connsiteY0" fmla="*/ 628650 h 628650"/>
            <a:gd name="connsiteX1" fmla="*/ 100012 w 200025"/>
            <a:gd name="connsiteY1" fmla="*/ 566738 h 628650"/>
            <a:gd name="connsiteX2" fmla="*/ 109537 w 200025"/>
            <a:gd name="connsiteY2" fmla="*/ 514350 h 628650"/>
            <a:gd name="connsiteX3" fmla="*/ 71437 w 200025"/>
            <a:gd name="connsiteY3" fmla="*/ 428625 h 628650"/>
            <a:gd name="connsiteX4" fmla="*/ 66675 w 200025"/>
            <a:gd name="connsiteY4" fmla="*/ 376238 h 628650"/>
            <a:gd name="connsiteX5" fmla="*/ 90487 w 200025"/>
            <a:gd name="connsiteY5" fmla="*/ 290513 h 628650"/>
            <a:gd name="connsiteX6" fmla="*/ 90487 w 200025"/>
            <a:gd name="connsiteY6" fmla="*/ 228600 h 628650"/>
            <a:gd name="connsiteX7" fmla="*/ 52387 w 200025"/>
            <a:gd name="connsiteY7" fmla="*/ 185738 h 628650"/>
            <a:gd name="connsiteX8" fmla="*/ 23812 w 200025"/>
            <a:gd name="connsiteY8" fmla="*/ 114300 h 628650"/>
            <a:gd name="connsiteX9" fmla="*/ 0 w 200025"/>
            <a:gd name="connsiteY9" fmla="*/ 76200 h 628650"/>
            <a:gd name="connsiteX10" fmla="*/ 23812 w 200025"/>
            <a:gd name="connsiteY10" fmla="*/ 33338 h 628650"/>
            <a:gd name="connsiteX11" fmla="*/ 38100 w 200025"/>
            <a:gd name="connsiteY11" fmla="*/ 0 h 628650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  <a:cxn ang="0">
              <a:pos x="connsiteX5" y="connsiteY5"/>
            </a:cxn>
            <a:cxn ang="0">
              <a:pos x="connsiteX6" y="connsiteY6"/>
            </a:cxn>
            <a:cxn ang="0">
              <a:pos x="connsiteX7" y="connsiteY7"/>
            </a:cxn>
            <a:cxn ang="0">
              <a:pos x="connsiteX8" y="connsiteY8"/>
            </a:cxn>
            <a:cxn ang="0">
              <a:pos x="connsiteX9" y="connsiteY9"/>
            </a:cxn>
            <a:cxn ang="0">
              <a:pos x="connsiteX10" y="connsiteY10"/>
            </a:cxn>
            <a:cxn ang="0">
              <a:pos x="connsiteX11" y="connsiteY11"/>
            </a:cxn>
          </a:cxnLst>
          <a:rect l="l" t="t" r="r" b="b"/>
          <a:pathLst>
            <a:path w="200025" h="628650">
              <a:moveTo>
                <a:pt x="200025" y="628650"/>
              </a:moveTo>
              <a:lnTo>
                <a:pt x="100012" y="566738"/>
              </a:lnTo>
              <a:lnTo>
                <a:pt x="109537" y="514350"/>
              </a:lnTo>
              <a:lnTo>
                <a:pt x="71437" y="428625"/>
              </a:lnTo>
              <a:lnTo>
                <a:pt x="66675" y="376238"/>
              </a:lnTo>
              <a:lnTo>
                <a:pt x="90487" y="290513"/>
              </a:lnTo>
              <a:lnTo>
                <a:pt x="90487" y="228600"/>
              </a:lnTo>
              <a:lnTo>
                <a:pt x="52387" y="185738"/>
              </a:lnTo>
              <a:lnTo>
                <a:pt x="23812" y="114300"/>
              </a:lnTo>
              <a:lnTo>
                <a:pt x="0" y="76200"/>
              </a:lnTo>
              <a:lnTo>
                <a:pt x="23812" y="33338"/>
              </a:lnTo>
              <a:lnTo>
                <a:pt x="38100" y="0"/>
              </a:lnTo>
            </a:path>
          </a:pathLst>
        </a:cu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3</xdr:col>
      <xdr:colOff>571500</xdr:colOff>
      <xdr:row>2</xdr:row>
      <xdr:rowOff>19050</xdr:rowOff>
    </xdr:from>
    <xdr:to>
      <xdr:col>5</xdr:col>
      <xdr:colOff>504825</xdr:colOff>
      <xdr:row>6</xdr:row>
      <xdr:rowOff>76200</xdr:rowOff>
    </xdr:to>
    <xdr:sp macro="" textlink="">
      <xdr:nvSpPr>
        <xdr:cNvPr id="72" name="フリーフォーム 71">
          <a:extLst>
            <a:ext uri="{FF2B5EF4-FFF2-40B4-BE49-F238E27FC236}">
              <a16:creationId xmlns:a16="http://schemas.microsoft.com/office/drawing/2014/main" id="{00000000-0008-0000-0200-000048000000}"/>
            </a:ext>
          </a:extLst>
        </xdr:cNvPr>
        <xdr:cNvSpPr/>
      </xdr:nvSpPr>
      <xdr:spPr>
        <a:xfrm>
          <a:off x="2400300" y="1571625"/>
          <a:ext cx="1152525" cy="666750"/>
        </a:xfrm>
        <a:custGeom>
          <a:avLst/>
          <a:gdLst>
            <a:gd name="connsiteX0" fmla="*/ 0 w 1152525"/>
            <a:gd name="connsiteY0" fmla="*/ 152400 h 666750"/>
            <a:gd name="connsiteX1" fmla="*/ 52388 w 1152525"/>
            <a:gd name="connsiteY1" fmla="*/ 142875 h 666750"/>
            <a:gd name="connsiteX2" fmla="*/ 80963 w 1152525"/>
            <a:gd name="connsiteY2" fmla="*/ 85725 h 666750"/>
            <a:gd name="connsiteX3" fmla="*/ 119063 w 1152525"/>
            <a:gd name="connsiteY3" fmla="*/ 57150 h 666750"/>
            <a:gd name="connsiteX4" fmla="*/ 133350 w 1152525"/>
            <a:gd name="connsiteY4" fmla="*/ 19050 h 666750"/>
            <a:gd name="connsiteX5" fmla="*/ 138113 w 1152525"/>
            <a:gd name="connsiteY5" fmla="*/ 4763 h 666750"/>
            <a:gd name="connsiteX6" fmla="*/ 157163 w 1152525"/>
            <a:gd name="connsiteY6" fmla="*/ 0 h 666750"/>
            <a:gd name="connsiteX7" fmla="*/ 219075 w 1152525"/>
            <a:gd name="connsiteY7" fmla="*/ 23813 h 666750"/>
            <a:gd name="connsiteX8" fmla="*/ 271463 w 1152525"/>
            <a:gd name="connsiteY8" fmla="*/ 33338 h 666750"/>
            <a:gd name="connsiteX9" fmla="*/ 300038 w 1152525"/>
            <a:gd name="connsiteY9" fmla="*/ 71438 h 666750"/>
            <a:gd name="connsiteX10" fmla="*/ 342900 w 1152525"/>
            <a:gd name="connsiteY10" fmla="*/ 90488 h 666750"/>
            <a:gd name="connsiteX11" fmla="*/ 390525 w 1152525"/>
            <a:gd name="connsiteY11" fmla="*/ 85725 h 666750"/>
            <a:gd name="connsiteX12" fmla="*/ 442913 w 1152525"/>
            <a:gd name="connsiteY12" fmla="*/ 85725 h 666750"/>
            <a:gd name="connsiteX13" fmla="*/ 457200 w 1152525"/>
            <a:gd name="connsiteY13" fmla="*/ 66675 h 666750"/>
            <a:gd name="connsiteX14" fmla="*/ 509588 w 1152525"/>
            <a:gd name="connsiteY14" fmla="*/ 100013 h 666750"/>
            <a:gd name="connsiteX15" fmla="*/ 523875 w 1152525"/>
            <a:gd name="connsiteY15" fmla="*/ 147638 h 666750"/>
            <a:gd name="connsiteX16" fmla="*/ 547688 w 1152525"/>
            <a:gd name="connsiteY16" fmla="*/ 180975 h 666750"/>
            <a:gd name="connsiteX17" fmla="*/ 552450 w 1152525"/>
            <a:gd name="connsiteY17" fmla="*/ 228600 h 666750"/>
            <a:gd name="connsiteX18" fmla="*/ 552450 w 1152525"/>
            <a:gd name="connsiteY18" fmla="*/ 271463 h 666750"/>
            <a:gd name="connsiteX19" fmla="*/ 552450 w 1152525"/>
            <a:gd name="connsiteY19" fmla="*/ 290513 h 666750"/>
            <a:gd name="connsiteX20" fmla="*/ 538163 w 1152525"/>
            <a:gd name="connsiteY20" fmla="*/ 309563 h 666750"/>
            <a:gd name="connsiteX21" fmla="*/ 590550 w 1152525"/>
            <a:gd name="connsiteY21" fmla="*/ 304800 h 666750"/>
            <a:gd name="connsiteX22" fmla="*/ 604838 w 1152525"/>
            <a:gd name="connsiteY22" fmla="*/ 295275 h 666750"/>
            <a:gd name="connsiteX23" fmla="*/ 666750 w 1152525"/>
            <a:gd name="connsiteY23" fmla="*/ 366713 h 666750"/>
            <a:gd name="connsiteX24" fmla="*/ 814388 w 1152525"/>
            <a:gd name="connsiteY24" fmla="*/ 366713 h 666750"/>
            <a:gd name="connsiteX25" fmla="*/ 842963 w 1152525"/>
            <a:gd name="connsiteY25" fmla="*/ 309563 h 666750"/>
            <a:gd name="connsiteX26" fmla="*/ 895350 w 1152525"/>
            <a:gd name="connsiteY26" fmla="*/ 285750 h 666750"/>
            <a:gd name="connsiteX27" fmla="*/ 919163 w 1152525"/>
            <a:gd name="connsiteY27" fmla="*/ 285750 h 666750"/>
            <a:gd name="connsiteX28" fmla="*/ 947738 w 1152525"/>
            <a:gd name="connsiteY28" fmla="*/ 290513 h 666750"/>
            <a:gd name="connsiteX29" fmla="*/ 1019175 w 1152525"/>
            <a:gd name="connsiteY29" fmla="*/ 314325 h 666750"/>
            <a:gd name="connsiteX30" fmla="*/ 1085850 w 1152525"/>
            <a:gd name="connsiteY30" fmla="*/ 371475 h 666750"/>
            <a:gd name="connsiteX31" fmla="*/ 1090613 w 1152525"/>
            <a:gd name="connsiteY31" fmla="*/ 423863 h 666750"/>
            <a:gd name="connsiteX32" fmla="*/ 1090613 w 1152525"/>
            <a:gd name="connsiteY32" fmla="*/ 452438 h 666750"/>
            <a:gd name="connsiteX33" fmla="*/ 1090613 w 1152525"/>
            <a:gd name="connsiteY33" fmla="*/ 476250 h 666750"/>
            <a:gd name="connsiteX34" fmla="*/ 1147763 w 1152525"/>
            <a:gd name="connsiteY34" fmla="*/ 595313 h 666750"/>
            <a:gd name="connsiteX35" fmla="*/ 1152525 w 1152525"/>
            <a:gd name="connsiteY35" fmla="*/ 647700 h 666750"/>
            <a:gd name="connsiteX36" fmla="*/ 1152525 w 1152525"/>
            <a:gd name="connsiteY36" fmla="*/ 666750 h 666750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  <a:cxn ang="0">
              <a:pos x="connsiteX5" y="connsiteY5"/>
            </a:cxn>
            <a:cxn ang="0">
              <a:pos x="connsiteX6" y="connsiteY6"/>
            </a:cxn>
            <a:cxn ang="0">
              <a:pos x="connsiteX7" y="connsiteY7"/>
            </a:cxn>
            <a:cxn ang="0">
              <a:pos x="connsiteX8" y="connsiteY8"/>
            </a:cxn>
            <a:cxn ang="0">
              <a:pos x="connsiteX9" y="connsiteY9"/>
            </a:cxn>
            <a:cxn ang="0">
              <a:pos x="connsiteX10" y="connsiteY10"/>
            </a:cxn>
            <a:cxn ang="0">
              <a:pos x="connsiteX11" y="connsiteY11"/>
            </a:cxn>
            <a:cxn ang="0">
              <a:pos x="connsiteX12" y="connsiteY12"/>
            </a:cxn>
            <a:cxn ang="0">
              <a:pos x="connsiteX13" y="connsiteY13"/>
            </a:cxn>
            <a:cxn ang="0">
              <a:pos x="connsiteX14" y="connsiteY14"/>
            </a:cxn>
            <a:cxn ang="0">
              <a:pos x="connsiteX15" y="connsiteY15"/>
            </a:cxn>
            <a:cxn ang="0">
              <a:pos x="connsiteX16" y="connsiteY16"/>
            </a:cxn>
            <a:cxn ang="0">
              <a:pos x="connsiteX17" y="connsiteY17"/>
            </a:cxn>
            <a:cxn ang="0">
              <a:pos x="connsiteX18" y="connsiteY18"/>
            </a:cxn>
            <a:cxn ang="0">
              <a:pos x="connsiteX19" y="connsiteY19"/>
            </a:cxn>
            <a:cxn ang="0">
              <a:pos x="connsiteX20" y="connsiteY20"/>
            </a:cxn>
            <a:cxn ang="0">
              <a:pos x="connsiteX21" y="connsiteY21"/>
            </a:cxn>
            <a:cxn ang="0">
              <a:pos x="connsiteX22" y="connsiteY22"/>
            </a:cxn>
            <a:cxn ang="0">
              <a:pos x="connsiteX23" y="connsiteY23"/>
            </a:cxn>
            <a:cxn ang="0">
              <a:pos x="connsiteX24" y="connsiteY24"/>
            </a:cxn>
            <a:cxn ang="0">
              <a:pos x="connsiteX25" y="connsiteY25"/>
            </a:cxn>
            <a:cxn ang="0">
              <a:pos x="connsiteX26" y="connsiteY26"/>
            </a:cxn>
            <a:cxn ang="0">
              <a:pos x="connsiteX27" y="connsiteY27"/>
            </a:cxn>
            <a:cxn ang="0">
              <a:pos x="connsiteX28" y="connsiteY28"/>
            </a:cxn>
            <a:cxn ang="0">
              <a:pos x="connsiteX29" y="connsiteY29"/>
            </a:cxn>
            <a:cxn ang="0">
              <a:pos x="connsiteX30" y="connsiteY30"/>
            </a:cxn>
            <a:cxn ang="0">
              <a:pos x="connsiteX31" y="connsiteY31"/>
            </a:cxn>
            <a:cxn ang="0">
              <a:pos x="connsiteX32" y="connsiteY32"/>
            </a:cxn>
            <a:cxn ang="0">
              <a:pos x="connsiteX33" y="connsiteY33"/>
            </a:cxn>
            <a:cxn ang="0">
              <a:pos x="connsiteX34" y="connsiteY34"/>
            </a:cxn>
            <a:cxn ang="0">
              <a:pos x="connsiteX35" y="connsiteY35"/>
            </a:cxn>
            <a:cxn ang="0">
              <a:pos x="connsiteX36" y="connsiteY36"/>
            </a:cxn>
          </a:cxnLst>
          <a:rect l="l" t="t" r="r" b="b"/>
          <a:pathLst>
            <a:path w="1152525" h="666750">
              <a:moveTo>
                <a:pt x="0" y="152400"/>
              </a:moveTo>
              <a:lnTo>
                <a:pt x="52388" y="142875"/>
              </a:lnTo>
              <a:lnTo>
                <a:pt x="80963" y="85725"/>
              </a:lnTo>
              <a:lnTo>
                <a:pt x="119063" y="57150"/>
              </a:lnTo>
              <a:lnTo>
                <a:pt x="133350" y="19050"/>
              </a:lnTo>
              <a:lnTo>
                <a:pt x="138113" y="4763"/>
              </a:lnTo>
              <a:lnTo>
                <a:pt x="157163" y="0"/>
              </a:lnTo>
              <a:lnTo>
                <a:pt x="219075" y="23813"/>
              </a:lnTo>
              <a:lnTo>
                <a:pt x="271463" y="33338"/>
              </a:lnTo>
              <a:lnTo>
                <a:pt x="300038" y="71438"/>
              </a:lnTo>
              <a:lnTo>
                <a:pt x="342900" y="90488"/>
              </a:lnTo>
              <a:lnTo>
                <a:pt x="390525" y="85725"/>
              </a:lnTo>
              <a:lnTo>
                <a:pt x="442913" y="85725"/>
              </a:lnTo>
              <a:lnTo>
                <a:pt x="457200" y="66675"/>
              </a:lnTo>
              <a:lnTo>
                <a:pt x="509588" y="100013"/>
              </a:lnTo>
              <a:lnTo>
                <a:pt x="523875" y="147638"/>
              </a:lnTo>
              <a:lnTo>
                <a:pt x="547688" y="180975"/>
              </a:lnTo>
              <a:lnTo>
                <a:pt x="552450" y="228600"/>
              </a:lnTo>
              <a:lnTo>
                <a:pt x="552450" y="271463"/>
              </a:lnTo>
              <a:lnTo>
                <a:pt x="552450" y="290513"/>
              </a:lnTo>
              <a:lnTo>
                <a:pt x="538163" y="309563"/>
              </a:lnTo>
              <a:lnTo>
                <a:pt x="590550" y="304800"/>
              </a:lnTo>
              <a:lnTo>
                <a:pt x="604838" y="295275"/>
              </a:lnTo>
              <a:lnTo>
                <a:pt x="666750" y="366713"/>
              </a:lnTo>
              <a:lnTo>
                <a:pt x="814388" y="366713"/>
              </a:lnTo>
              <a:lnTo>
                <a:pt x="842963" y="309563"/>
              </a:lnTo>
              <a:lnTo>
                <a:pt x="895350" y="285750"/>
              </a:lnTo>
              <a:lnTo>
                <a:pt x="919163" y="285750"/>
              </a:lnTo>
              <a:lnTo>
                <a:pt x="947738" y="290513"/>
              </a:lnTo>
              <a:lnTo>
                <a:pt x="1019175" y="314325"/>
              </a:lnTo>
              <a:lnTo>
                <a:pt x="1085850" y="371475"/>
              </a:lnTo>
              <a:lnTo>
                <a:pt x="1090613" y="423863"/>
              </a:lnTo>
              <a:lnTo>
                <a:pt x="1090613" y="452438"/>
              </a:lnTo>
              <a:lnTo>
                <a:pt x="1090613" y="476250"/>
              </a:lnTo>
              <a:lnTo>
                <a:pt x="1147763" y="595313"/>
              </a:lnTo>
              <a:lnTo>
                <a:pt x="1152525" y="647700"/>
              </a:lnTo>
              <a:lnTo>
                <a:pt x="1152525" y="666750"/>
              </a:lnTo>
            </a:path>
          </a:pathLst>
        </a:cu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6</xdr:col>
      <xdr:colOff>466726</xdr:colOff>
      <xdr:row>7</xdr:row>
      <xdr:rowOff>80963</xdr:rowOff>
    </xdr:from>
    <xdr:to>
      <xdr:col>10</xdr:col>
      <xdr:colOff>161926</xdr:colOff>
      <xdr:row>16</xdr:row>
      <xdr:rowOff>4763</xdr:rowOff>
    </xdr:to>
    <xdr:sp macro="" textlink="">
      <xdr:nvSpPr>
        <xdr:cNvPr id="73" name="フリーフォーム 72">
          <a:extLst>
            <a:ext uri="{FF2B5EF4-FFF2-40B4-BE49-F238E27FC236}">
              <a16:creationId xmlns:a16="http://schemas.microsoft.com/office/drawing/2014/main" id="{00000000-0008-0000-0200-000049000000}"/>
            </a:ext>
          </a:extLst>
        </xdr:cNvPr>
        <xdr:cNvSpPr/>
      </xdr:nvSpPr>
      <xdr:spPr>
        <a:xfrm>
          <a:off x="4124326" y="2395538"/>
          <a:ext cx="2133600" cy="1295400"/>
        </a:xfrm>
        <a:custGeom>
          <a:avLst/>
          <a:gdLst>
            <a:gd name="connsiteX0" fmla="*/ 2105025 w 2133600"/>
            <a:gd name="connsiteY0" fmla="*/ 1295400 h 1295400"/>
            <a:gd name="connsiteX1" fmla="*/ 2119312 w 2133600"/>
            <a:gd name="connsiteY1" fmla="*/ 1238250 h 1295400"/>
            <a:gd name="connsiteX2" fmla="*/ 2133600 w 2133600"/>
            <a:gd name="connsiteY2" fmla="*/ 1233488 h 1295400"/>
            <a:gd name="connsiteX3" fmla="*/ 2119312 w 2133600"/>
            <a:gd name="connsiteY3" fmla="*/ 1181100 h 1295400"/>
            <a:gd name="connsiteX4" fmla="*/ 2047875 w 2133600"/>
            <a:gd name="connsiteY4" fmla="*/ 1114425 h 1295400"/>
            <a:gd name="connsiteX5" fmla="*/ 1990725 w 2133600"/>
            <a:gd name="connsiteY5" fmla="*/ 1033463 h 1295400"/>
            <a:gd name="connsiteX6" fmla="*/ 1833562 w 2133600"/>
            <a:gd name="connsiteY6" fmla="*/ 904875 h 1295400"/>
            <a:gd name="connsiteX7" fmla="*/ 1781175 w 2133600"/>
            <a:gd name="connsiteY7" fmla="*/ 842963 h 1295400"/>
            <a:gd name="connsiteX8" fmla="*/ 1757362 w 2133600"/>
            <a:gd name="connsiteY8" fmla="*/ 838200 h 1295400"/>
            <a:gd name="connsiteX9" fmla="*/ 1747837 w 2133600"/>
            <a:gd name="connsiteY9" fmla="*/ 766763 h 1295400"/>
            <a:gd name="connsiteX10" fmla="*/ 1652587 w 2133600"/>
            <a:gd name="connsiteY10" fmla="*/ 723900 h 1295400"/>
            <a:gd name="connsiteX11" fmla="*/ 1647825 w 2133600"/>
            <a:gd name="connsiteY11" fmla="*/ 671513 h 1295400"/>
            <a:gd name="connsiteX12" fmla="*/ 1633537 w 2133600"/>
            <a:gd name="connsiteY12" fmla="*/ 661988 h 1295400"/>
            <a:gd name="connsiteX13" fmla="*/ 1585912 w 2133600"/>
            <a:gd name="connsiteY13" fmla="*/ 585788 h 1295400"/>
            <a:gd name="connsiteX14" fmla="*/ 1571625 w 2133600"/>
            <a:gd name="connsiteY14" fmla="*/ 538163 h 1295400"/>
            <a:gd name="connsiteX15" fmla="*/ 1524000 w 2133600"/>
            <a:gd name="connsiteY15" fmla="*/ 533400 h 1295400"/>
            <a:gd name="connsiteX16" fmla="*/ 1452562 w 2133600"/>
            <a:gd name="connsiteY16" fmla="*/ 428625 h 1295400"/>
            <a:gd name="connsiteX17" fmla="*/ 1385887 w 2133600"/>
            <a:gd name="connsiteY17" fmla="*/ 414338 h 1295400"/>
            <a:gd name="connsiteX18" fmla="*/ 1357312 w 2133600"/>
            <a:gd name="connsiteY18" fmla="*/ 366713 h 1295400"/>
            <a:gd name="connsiteX19" fmla="*/ 1219200 w 2133600"/>
            <a:gd name="connsiteY19" fmla="*/ 314325 h 1295400"/>
            <a:gd name="connsiteX20" fmla="*/ 1219200 w 2133600"/>
            <a:gd name="connsiteY20" fmla="*/ 290513 h 1295400"/>
            <a:gd name="connsiteX21" fmla="*/ 1138237 w 2133600"/>
            <a:gd name="connsiteY21" fmla="*/ 266700 h 1295400"/>
            <a:gd name="connsiteX22" fmla="*/ 1066800 w 2133600"/>
            <a:gd name="connsiteY22" fmla="*/ 200025 h 1295400"/>
            <a:gd name="connsiteX23" fmla="*/ 966787 w 2133600"/>
            <a:gd name="connsiteY23" fmla="*/ 176213 h 1295400"/>
            <a:gd name="connsiteX24" fmla="*/ 881062 w 2133600"/>
            <a:gd name="connsiteY24" fmla="*/ 157163 h 1295400"/>
            <a:gd name="connsiteX25" fmla="*/ 847725 w 2133600"/>
            <a:gd name="connsiteY25" fmla="*/ 142875 h 1295400"/>
            <a:gd name="connsiteX26" fmla="*/ 781050 w 2133600"/>
            <a:gd name="connsiteY26" fmla="*/ 123825 h 1295400"/>
            <a:gd name="connsiteX27" fmla="*/ 781050 w 2133600"/>
            <a:gd name="connsiteY27" fmla="*/ 123825 h 1295400"/>
            <a:gd name="connsiteX28" fmla="*/ 719137 w 2133600"/>
            <a:gd name="connsiteY28" fmla="*/ 133350 h 1295400"/>
            <a:gd name="connsiteX29" fmla="*/ 633412 w 2133600"/>
            <a:gd name="connsiteY29" fmla="*/ 123825 h 1295400"/>
            <a:gd name="connsiteX30" fmla="*/ 557212 w 2133600"/>
            <a:gd name="connsiteY30" fmla="*/ 100013 h 1295400"/>
            <a:gd name="connsiteX31" fmla="*/ 495300 w 2133600"/>
            <a:gd name="connsiteY31" fmla="*/ 133350 h 1295400"/>
            <a:gd name="connsiteX32" fmla="*/ 409575 w 2133600"/>
            <a:gd name="connsiteY32" fmla="*/ 109538 h 1295400"/>
            <a:gd name="connsiteX33" fmla="*/ 342900 w 2133600"/>
            <a:gd name="connsiteY33" fmla="*/ 80963 h 1295400"/>
            <a:gd name="connsiteX34" fmla="*/ 342900 w 2133600"/>
            <a:gd name="connsiteY34" fmla="*/ 80963 h 1295400"/>
            <a:gd name="connsiteX35" fmla="*/ 290512 w 2133600"/>
            <a:gd name="connsiteY35" fmla="*/ 47625 h 1295400"/>
            <a:gd name="connsiteX36" fmla="*/ 228600 w 2133600"/>
            <a:gd name="connsiteY36" fmla="*/ 23813 h 1295400"/>
            <a:gd name="connsiteX37" fmla="*/ 161925 w 2133600"/>
            <a:gd name="connsiteY37" fmla="*/ 0 h 1295400"/>
            <a:gd name="connsiteX38" fmla="*/ 109537 w 2133600"/>
            <a:gd name="connsiteY38" fmla="*/ 0 h 1295400"/>
            <a:gd name="connsiteX39" fmla="*/ 71437 w 2133600"/>
            <a:gd name="connsiteY39" fmla="*/ 4763 h 1295400"/>
            <a:gd name="connsiteX40" fmla="*/ 52387 w 2133600"/>
            <a:gd name="connsiteY40" fmla="*/ 4763 h 1295400"/>
            <a:gd name="connsiteX41" fmla="*/ 14287 w 2133600"/>
            <a:gd name="connsiteY41" fmla="*/ 4763 h 1295400"/>
            <a:gd name="connsiteX42" fmla="*/ 0 w 2133600"/>
            <a:gd name="connsiteY42" fmla="*/ 4763 h 1295400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  <a:cxn ang="0">
              <a:pos x="connsiteX5" y="connsiteY5"/>
            </a:cxn>
            <a:cxn ang="0">
              <a:pos x="connsiteX6" y="connsiteY6"/>
            </a:cxn>
            <a:cxn ang="0">
              <a:pos x="connsiteX7" y="connsiteY7"/>
            </a:cxn>
            <a:cxn ang="0">
              <a:pos x="connsiteX8" y="connsiteY8"/>
            </a:cxn>
            <a:cxn ang="0">
              <a:pos x="connsiteX9" y="connsiteY9"/>
            </a:cxn>
            <a:cxn ang="0">
              <a:pos x="connsiteX10" y="connsiteY10"/>
            </a:cxn>
            <a:cxn ang="0">
              <a:pos x="connsiteX11" y="connsiteY11"/>
            </a:cxn>
            <a:cxn ang="0">
              <a:pos x="connsiteX12" y="connsiteY12"/>
            </a:cxn>
            <a:cxn ang="0">
              <a:pos x="connsiteX13" y="connsiteY13"/>
            </a:cxn>
            <a:cxn ang="0">
              <a:pos x="connsiteX14" y="connsiteY14"/>
            </a:cxn>
            <a:cxn ang="0">
              <a:pos x="connsiteX15" y="connsiteY15"/>
            </a:cxn>
            <a:cxn ang="0">
              <a:pos x="connsiteX16" y="connsiteY16"/>
            </a:cxn>
            <a:cxn ang="0">
              <a:pos x="connsiteX17" y="connsiteY17"/>
            </a:cxn>
            <a:cxn ang="0">
              <a:pos x="connsiteX18" y="connsiteY18"/>
            </a:cxn>
            <a:cxn ang="0">
              <a:pos x="connsiteX19" y="connsiteY19"/>
            </a:cxn>
            <a:cxn ang="0">
              <a:pos x="connsiteX20" y="connsiteY20"/>
            </a:cxn>
            <a:cxn ang="0">
              <a:pos x="connsiteX21" y="connsiteY21"/>
            </a:cxn>
            <a:cxn ang="0">
              <a:pos x="connsiteX22" y="connsiteY22"/>
            </a:cxn>
            <a:cxn ang="0">
              <a:pos x="connsiteX23" y="connsiteY23"/>
            </a:cxn>
            <a:cxn ang="0">
              <a:pos x="connsiteX24" y="connsiteY24"/>
            </a:cxn>
            <a:cxn ang="0">
              <a:pos x="connsiteX25" y="connsiteY25"/>
            </a:cxn>
            <a:cxn ang="0">
              <a:pos x="connsiteX26" y="connsiteY26"/>
            </a:cxn>
            <a:cxn ang="0">
              <a:pos x="connsiteX27" y="connsiteY27"/>
            </a:cxn>
            <a:cxn ang="0">
              <a:pos x="connsiteX28" y="connsiteY28"/>
            </a:cxn>
            <a:cxn ang="0">
              <a:pos x="connsiteX29" y="connsiteY29"/>
            </a:cxn>
            <a:cxn ang="0">
              <a:pos x="connsiteX30" y="connsiteY30"/>
            </a:cxn>
            <a:cxn ang="0">
              <a:pos x="connsiteX31" y="connsiteY31"/>
            </a:cxn>
            <a:cxn ang="0">
              <a:pos x="connsiteX32" y="connsiteY32"/>
            </a:cxn>
            <a:cxn ang="0">
              <a:pos x="connsiteX33" y="connsiteY33"/>
            </a:cxn>
            <a:cxn ang="0">
              <a:pos x="connsiteX34" y="connsiteY34"/>
            </a:cxn>
            <a:cxn ang="0">
              <a:pos x="connsiteX35" y="connsiteY35"/>
            </a:cxn>
            <a:cxn ang="0">
              <a:pos x="connsiteX36" y="connsiteY36"/>
            </a:cxn>
            <a:cxn ang="0">
              <a:pos x="connsiteX37" y="connsiteY37"/>
            </a:cxn>
            <a:cxn ang="0">
              <a:pos x="connsiteX38" y="connsiteY38"/>
            </a:cxn>
            <a:cxn ang="0">
              <a:pos x="connsiteX39" y="connsiteY39"/>
            </a:cxn>
            <a:cxn ang="0">
              <a:pos x="connsiteX40" y="connsiteY40"/>
            </a:cxn>
            <a:cxn ang="0">
              <a:pos x="connsiteX41" y="connsiteY41"/>
            </a:cxn>
            <a:cxn ang="0">
              <a:pos x="connsiteX42" y="connsiteY42"/>
            </a:cxn>
          </a:cxnLst>
          <a:rect l="l" t="t" r="r" b="b"/>
          <a:pathLst>
            <a:path w="2133600" h="1295400">
              <a:moveTo>
                <a:pt x="2105025" y="1295400"/>
              </a:moveTo>
              <a:lnTo>
                <a:pt x="2119312" y="1238250"/>
              </a:lnTo>
              <a:lnTo>
                <a:pt x="2133600" y="1233488"/>
              </a:lnTo>
              <a:lnTo>
                <a:pt x="2119312" y="1181100"/>
              </a:lnTo>
              <a:lnTo>
                <a:pt x="2047875" y="1114425"/>
              </a:lnTo>
              <a:lnTo>
                <a:pt x="1990725" y="1033463"/>
              </a:lnTo>
              <a:lnTo>
                <a:pt x="1833562" y="904875"/>
              </a:lnTo>
              <a:lnTo>
                <a:pt x="1781175" y="842963"/>
              </a:lnTo>
              <a:lnTo>
                <a:pt x="1757362" y="838200"/>
              </a:lnTo>
              <a:lnTo>
                <a:pt x="1747837" y="766763"/>
              </a:lnTo>
              <a:lnTo>
                <a:pt x="1652587" y="723900"/>
              </a:lnTo>
              <a:lnTo>
                <a:pt x="1647825" y="671513"/>
              </a:lnTo>
              <a:lnTo>
                <a:pt x="1633537" y="661988"/>
              </a:lnTo>
              <a:lnTo>
                <a:pt x="1585912" y="585788"/>
              </a:lnTo>
              <a:lnTo>
                <a:pt x="1571625" y="538163"/>
              </a:lnTo>
              <a:lnTo>
                <a:pt x="1524000" y="533400"/>
              </a:lnTo>
              <a:lnTo>
                <a:pt x="1452562" y="428625"/>
              </a:lnTo>
              <a:lnTo>
                <a:pt x="1385887" y="414338"/>
              </a:lnTo>
              <a:lnTo>
                <a:pt x="1357312" y="366713"/>
              </a:lnTo>
              <a:lnTo>
                <a:pt x="1219200" y="314325"/>
              </a:lnTo>
              <a:lnTo>
                <a:pt x="1219200" y="290513"/>
              </a:lnTo>
              <a:lnTo>
                <a:pt x="1138237" y="266700"/>
              </a:lnTo>
              <a:lnTo>
                <a:pt x="1066800" y="200025"/>
              </a:lnTo>
              <a:lnTo>
                <a:pt x="966787" y="176213"/>
              </a:lnTo>
              <a:lnTo>
                <a:pt x="881062" y="157163"/>
              </a:lnTo>
              <a:lnTo>
                <a:pt x="847725" y="142875"/>
              </a:lnTo>
              <a:lnTo>
                <a:pt x="781050" y="123825"/>
              </a:lnTo>
              <a:lnTo>
                <a:pt x="781050" y="123825"/>
              </a:lnTo>
              <a:lnTo>
                <a:pt x="719137" y="133350"/>
              </a:lnTo>
              <a:lnTo>
                <a:pt x="633412" y="123825"/>
              </a:lnTo>
              <a:lnTo>
                <a:pt x="557212" y="100013"/>
              </a:lnTo>
              <a:lnTo>
                <a:pt x="495300" y="133350"/>
              </a:lnTo>
              <a:lnTo>
                <a:pt x="409575" y="109538"/>
              </a:lnTo>
              <a:lnTo>
                <a:pt x="342900" y="80963"/>
              </a:lnTo>
              <a:lnTo>
                <a:pt x="342900" y="80963"/>
              </a:lnTo>
              <a:lnTo>
                <a:pt x="290512" y="47625"/>
              </a:lnTo>
              <a:lnTo>
                <a:pt x="228600" y="23813"/>
              </a:lnTo>
              <a:lnTo>
                <a:pt x="161925" y="0"/>
              </a:lnTo>
              <a:lnTo>
                <a:pt x="109537" y="0"/>
              </a:lnTo>
              <a:lnTo>
                <a:pt x="71437" y="4763"/>
              </a:lnTo>
              <a:lnTo>
                <a:pt x="52387" y="4763"/>
              </a:lnTo>
              <a:lnTo>
                <a:pt x="14287" y="4763"/>
              </a:lnTo>
              <a:lnTo>
                <a:pt x="0" y="4763"/>
              </a:lnTo>
            </a:path>
          </a:pathLst>
        </a:cu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5</xdr:col>
      <xdr:colOff>509588</xdr:colOff>
      <xdr:row>6</xdr:row>
      <xdr:rowOff>71438</xdr:rowOff>
    </xdr:from>
    <xdr:to>
      <xdr:col>6</xdr:col>
      <xdr:colOff>481013</xdr:colOff>
      <xdr:row>8</xdr:row>
      <xdr:rowOff>80963</xdr:rowOff>
    </xdr:to>
    <xdr:sp macro="" textlink="">
      <xdr:nvSpPr>
        <xdr:cNvPr id="74" name="フリーフォーム 73">
          <a:extLst>
            <a:ext uri="{FF2B5EF4-FFF2-40B4-BE49-F238E27FC236}">
              <a16:creationId xmlns:a16="http://schemas.microsoft.com/office/drawing/2014/main" id="{00000000-0008-0000-0200-00004A000000}"/>
            </a:ext>
          </a:extLst>
        </xdr:cNvPr>
        <xdr:cNvSpPr/>
      </xdr:nvSpPr>
      <xdr:spPr>
        <a:xfrm>
          <a:off x="3557588" y="2233613"/>
          <a:ext cx="581025" cy="314325"/>
        </a:xfrm>
        <a:custGeom>
          <a:avLst/>
          <a:gdLst>
            <a:gd name="connsiteX0" fmla="*/ 0 w 581025"/>
            <a:gd name="connsiteY0" fmla="*/ 0 h 314325"/>
            <a:gd name="connsiteX1" fmla="*/ 47625 w 581025"/>
            <a:gd name="connsiteY1" fmla="*/ 28575 h 314325"/>
            <a:gd name="connsiteX2" fmla="*/ 100012 w 581025"/>
            <a:gd name="connsiteY2" fmla="*/ 119062 h 314325"/>
            <a:gd name="connsiteX3" fmla="*/ 109537 w 581025"/>
            <a:gd name="connsiteY3" fmla="*/ 171450 h 314325"/>
            <a:gd name="connsiteX4" fmla="*/ 157162 w 581025"/>
            <a:gd name="connsiteY4" fmla="*/ 190500 h 314325"/>
            <a:gd name="connsiteX5" fmla="*/ 209550 w 581025"/>
            <a:gd name="connsiteY5" fmla="*/ 266700 h 314325"/>
            <a:gd name="connsiteX6" fmla="*/ 247650 w 581025"/>
            <a:gd name="connsiteY6" fmla="*/ 261937 h 314325"/>
            <a:gd name="connsiteX7" fmla="*/ 257175 w 581025"/>
            <a:gd name="connsiteY7" fmla="*/ 280987 h 314325"/>
            <a:gd name="connsiteX8" fmla="*/ 314325 w 581025"/>
            <a:gd name="connsiteY8" fmla="*/ 280987 h 314325"/>
            <a:gd name="connsiteX9" fmla="*/ 352425 w 581025"/>
            <a:gd name="connsiteY9" fmla="*/ 314325 h 314325"/>
            <a:gd name="connsiteX10" fmla="*/ 414337 w 581025"/>
            <a:gd name="connsiteY10" fmla="*/ 285750 h 314325"/>
            <a:gd name="connsiteX11" fmla="*/ 438150 w 581025"/>
            <a:gd name="connsiteY11" fmla="*/ 304800 h 314325"/>
            <a:gd name="connsiteX12" fmla="*/ 500062 w 581025"/>
            <a:gd name="connsiteY12" fmla="*/ 304800 h 314325"/>
            <a:gd name="connsiteX13" fmla="*/ 519112 w 581025"/>
            <a:gd name="connsiteY13" fmla="*/ 285750 h 314325"/>
            <a:gd name="connsiteX14" fmla="*/ 514350 w 581025"/>
            <a:gd name="connsiteY14" fmla="*/ 247650 h 314325"/>
            <a:gd name="connsiteX15" fmla="*/ 533400 w 581025"/>
            <a:gd name="connsiteY15" fmla="*/ 223837 h 314325"/>
            <a:gd name="connsiteX16" fmla="*/ 561975 w 581025"/>
            <a:gd name="connsiteY16" fmla="*/ 171450 h 314325"/>
            <a:gd name="connsiteX17" fmla="*/ 581025 w 581025"/>
            <a:gd name="connsiteY17" fmla="*/ 161925 h 314325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  <a:cxn ang="0">
              <a:pos x="connsiteX5" y="connsiteY5"/>
            </a:cxn>
            <a:cxn ang="0">
              <a:pos x="connsiteX6" y="connsiteY6"/>
            </a:cxn>
            <a:cxn ang="0">
              <a:pos x="connsiteX7" y="connsiteY7"/>
            </a:cxn>
            <a:cxn ang="0">
              <a:pos x="connsiteX8" y="connsiteY8"/>
            </a:cxn>
            <a:cxn ang="0">
              <a:pos x="connsiteX9" y="connsiteY9"/>
            </a:cxn>
            <a:cxn ang="0">
              <a:pos x="connsiteX10" y="connsiteY10"/>
            </a:cxn>
            <a:cxn ang="0">
              <a:pos x="connsiteX11" y="connsiteY11"/>
            </a:cxn>
            <a:cxn ang="0">
              <a:pos x="connsiteX12" y="connsiteY12"/>
            </a:cxn>
            <a:cxn ang="0">
              <a:pos x="connsiteX13" y="connsiteY13"/>
            </a:cxn>
            <a:cxn ang="0">
              <a:pos x="connsiteX14" y="connsiteY14"/>
            </a:cxn>
            <a:cxn ang="0">
              <a:pos x="connsiteX15" y="connsiteY15"/>
            </a:cxn>
            <a:cxn ang="0">
              <a:pos x="connsiteX16" y="connsiteY16"/>
            </a:cxn>
            <a:cxn ang="0">
              <a:pos x="connsiteX17" y="connsiteY17"/>
            </a:cxn>
          </a:cxnLst>
          <a:rect l="l" t="t" r="r" b="b"/>
          <a:pathLst>
            <a:path w="581025" h="314325">
              <a:moveTo>
                <a:pt x="0" y="0"/>
              </a:moveTo>
              <a:lnTo>
                <a:pt x="47625" y="28575"/>
              </a:lnTo>
              <a:lnTo>
                <a:pt x="100012" y="119062"/>
              </a:lnTo>
              <a:lnTo>
                <a:pt x="109537" y="171450"/>
              </a:lnTo>
              <a:lnTo>
                <a:pt x="157162" y="190500"/>
              </a:lnTo>
              <a:lnTo>
                <a:pt x="209550" y="266700"/>
              </a:lnTo>
              <a:lnTo>
                <a:pt x="247650" y="261937"/>
              </a:lnTo>
              <a:lnTo>
                <a:pt x="257175" y="280987"/>
              </a:lnTo>
              <a:lnTo>
                <a:pt x="314325" y="280987"/>
              </a:lnTo>
              <a:lnTo>
                <a:pt x="352425" y="314325"/>
              </a:lnTo>
              <a:lnTo>
                <a:pt x="414337" y="285750"/>
              </a:lnTo>
              <a:lnTo>
                <a:pt x="438150" y="304800"/>
              </a:lnTo>
              <a:lnTo>
                <a:pt x="500062" y="304800"/>
              </a:lnTo>
              <a:lnTo>
                <a:pt x="519112" y="285750"/>
              </a:lnTo>
              <a:lnTo>
                <a:pt x="514350" y="247650"/>
              </a:lnTo>
              <a:lnTo>
                <a:pt x="533400" y="223837"/>
              </a:lnTo>
              <a:lnTo>
                <a:pt x="561975" y="171450"/>
              </a:lnTo>
              <a:lnTo>
                <a:pt x="581025" y="161925"/>
              </a:lnTo>
            </a:path>
          </a:pathLst>
        </a:cu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4</xdr:col>
      <xdr:colOff>523875</xdr:colOff>
      <xdr:row>6</xdr:row>
      <xdr:rowOff>109537</xdr:rowOff>
    </xdr:from>
    <xdr:to>
      <xdr:col>5</xdr:col>
      <xdr:colOff>223838</xdr:colOff>
      <xdr:row>8</xdr:row>
      <xdr:rowOff>61912</xdr:rowOff>
    </xdr:to>
    <xdr:sp macro="" textlink="">
      <xdr:nvSpPr>
        <xdr:cNvPr id="75" name="フリーフォーム 74">
          <a:extLst>
            <a:ext uri="{FF2B5EF4-FFF2-40B4-BE49-F238E27FC236}">
              <a16:creationId xmlns:a16="http://schemas.microsoft.com/office/drawing/2014/main" id="{00000000-0008-0000-0200-00004B000000}"/>
            </a:ext>
          </a:extLst>
        </xdr:cNvPr>
        <xdr:cNvSpPr/>
      </xdr:nvSpPr>
      <xdr:spPr>
        <a:xfrm>
          <a:off x="2962275" y="2271712"/>
          <a:ext cx="309563" cy="257175"/>
        </a:xfrm>
        <a:custGeom>
          <a:avLst/>
          <a:gdLst>
            <a:gd name="connsiteX0" fmla="*/ 52388 w 309563"/>
            <a:gd name="connsiteY0" fmla="*/ 0 h 257175"/>
            <a:gd name="connsiteX1" fmla="*/ 147638 w 309563"/>
            <a:gd name="connsiteY1" fmla="*/ 14288 h 257175"/>
            <a:gd name="connsiteX2" fmla="*/ 171450 w 309563"/>
            <a:gd name="connsiteY2" fmla="*/ 71438 h 257175"/>
            <a:gd name="connsiteX3" fmla="*/ 223838 w 309563"/>
            <a:gd name="connsiteY3" fmla="*/ 109538 h 257175"/>
            <a:gd name="connsiteX4" fmla="*/ 309563 w 309563"/>
            <a:gd name="connsiteY4" fmla="*/ 123825 h 257175"/>
            <a:gd name="connsiteX5" fmla="*/ 261938 w 309563"/>
            <a:gd name="connsiteY5" fmla="*/ 166688 h 257175"/>
            <a:gd name="connsiteX6" fmla="*/ 276225 w 309563"/>
            <a:gd name="connsiteY6" fmla="*/ 223838 h 257175"/>
            <a:gd name="connsiteX7" fmla="*/ 285750 w 309563"/>
            <a:gd name="connsiteY7" fmla="*/ 257175 h 257175"/>
            <a:gd name="connsiteX8" fmla="*/ 261938 w 309563"/>
            <a:gd name="connsiteY8" fmla="*/ 257175 h 257175"/>
            <a:gd name="connsiteX9" fmla="*/ 228600 w 309563"/>
            <a:gd name="connsiteY9" fmla="*/ 214313 h 257175"/>
            <a:gd name="connsiteX10" fmla="*/ 119063 w 309563"/>
            <a:gd name="connsiteY10" fmla="*/ 200025 h 257175"/>
            <a:gd name="connsiteX11" fmla="*/ 138113 w 309563"/>
            <a:gd name="connsiteY11" fmla="*/ 171450 h 257175"/>
            <a:gd name="connsiteX12" fmla="*/ 95250 w 309563"/>
            <a:gd name="connsiteY12" fmla="*/ 123825 h 257175"/>
            <a:gd name="connsiteX13" fmla="*/ 47625 w 309563"/>
            <a:gd name="connsiteY13" fmla="*/ 138113 h 257175"/>
            <a:gd name="connsiteX14" fmla="*/ 0 w 309563"/>
            <a:gd name="connsiteY14" fmla="*/ 104775 h 257175"/>
            <a:gd name="connsiteX15" fmla="*/ 4763 w 309563"/>
            <a:gd name="connsiteY15" fmla="*/ 57150 h 257175"/>
            <a:gd name="connsiteX16" fmla="*/ 52388 w 309563"/>
            <a:gd name="connsiteY16" fmla="*/ 0 h 257175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  <a:cxn ang="0">
              <a:pos x="connsiteX5" y="connsiteY5"/>
            </a:cxn>
            <a:cxn ang="0">
              <a:pos x="connsiteX6" y="connsiteY6"/>
            </a:cxn>
            <a:cxn ang="0">
              <a:pos x="connsiteX7" y="connsiteY7"/>
            </a:cxn>
            <a:cxn ang="0">
              <a:pos x="connsiteX8" y="connsiteY8"/>
            </a:cxn>
            <a:cxn ang="0">
              <a:pos x="connsiteX9" y="connsiteY9"/>
            </a:cxn>
            <a:cxn ang="0">
              <a:pos x="connsiteX10" y="connsiteY10"/>
            </a:cxn>
            <a:cxn ang="0">
              <a:pos x="connsiteX11" y="connsiteY11"/>
            </a:cxn>
            <a:cxn ang="0">
              <a:pos x="connsiteX12" y="connsiteY12"/>
            </a:cxn>
            <a:cxn ang="0">
              <a:pos x="connsiteX13" y="connsiteY13"/>
            </a:cxn>
            <a:cxn ang="0">
              <a:pos x="connsiteX14" y="connsiteY14"/>
            </a:cxn>
            <a:cxn ang="0">
              <a:pos x="connsiteX15" y="connsiteY15"/>
            </a:cxn>
            <a:cxn ang="0">
              <a:pos x="connsiteX16" y="connsiteY16"/>
            </a:cxn>
          </a:cxnLst>
          <a:rect l="l" t="t" r="r" b="b"/>
          <a:pathLst>
            <a:path w="309563" h="257175">
              <a:moveTo>
                <a:pt x="52388" y="0"/>
              </a:moveTo>
              <a:lnTo>
                <a:pt x="147638" y="14288"/>
              </a:lnTo>
              <a:lnTo>
                <a:pt x="171450" y="71438"/>
              </a:lnTo>
              <a:lnTo>
                <a:pt x="223838" y="109538"/>
              </a:lnTo>
              <a:lnTo>
                <a:pt x="309563" y="123825"/>
              </a:lnTo>
              <a:lnTo>
                <a:pt x="261938" y="166688"/>
              </a:lnTo>
              <a:lnTo>
                <a:pt x="276225" y="223838"/>
              </a:lnTo>
              <a:lnTo>
                <a:pt x="285750" y="257175"/>
              </a:lnTo>
              <a:lnTo>
                <a:pt x="261938" y="257175"/>
              </a:lnTo>
              <a:lnTo>
                <a:pt x="228600" y="214313"/>
              </a:lnTo>
              <a:lnTo>
                <a:pt x="119063" y="200025"/>
              </a:lnTo>
              <a:lnTo>
                <a:pt x="138113" y="171450"/>
              </a:lnTo>
              <a:lnTo>
                <a:pt x="95250" y="123825"/>
              </a:lnTo>
              <a:lnTo>
                <a:pt x="47625" y="138113"/>
              </a:lnTo>
              <a:lnTo>
                <a:pt x="0" y="104775"/>
              </a:lnTo>
              <a:lnTo>
                <a:pt x="4763" y="57150"/>
              </a:lnTo>
              <a:lnTo>
                <a:pt x="52388" y="0"/>
              </a:lnTo>
              <a:close/>
            </a:path>
          </a:pathLst>
        </a:cu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6</xdr:col>
      <xdr:colOff>109538</xdr:colOff>
      <xdr:row>8</xdr:row>
      <xdr:rowOff>80962</xdr:rowOff>
    </xdr:from>
    <xdr:to>
      <xdr:col>7</xdr:col>
      <xdr:colOff>9525</xdr:colOff>
      <xdr:row>10</xdr:row>
      <xdr:rowOff>14287</xdr:rowOff>
    </xdr:to>
    <xdr:sp macro="" textlink="">
      <xdr:nvSpPr>
        <xdr:cNvPr id="76" name="フリーフォーム 75">
          <a:extLst>
            <a:ext uri="{FF2B5EF4-FFF2-40B4-BE49-F238E27FC236}">
              <a16:creationId xmlns:a16="http://schemas.microsoft.com/office/drawing/2014/main" id="{00000000-0008-0000-0200-00004C000000}"/>
            </a:ext>
          </a:extLst>
        </xdr:cNvPr>
        <xdr:cNvSpPr/>
      </xdr:nvSpPr>
      <xdr:spPr>
        <a:xfrm>
          <a:off x="3767138" y="2547937"/>
          <a:ext cx="509587" cy="238125"/>
        </a:xfrm>
        <a:custGeom>
          <a:avLst/>
          <a:gdLst>
            <a:gd name="connsiteX0" fmla="*/ 0 w 509587"/>
            <a:gd name="connsiteY0" fmla="*/ 71438 h 238125"/>
            <a:gd name="connsiteX1" fmla="*/ 42862 w 509587"/>
            <a:gd name="connsiteY1" fmla="*/ 100013 h 238125"/>
            <a:gd name="connsiteX2" fmla="*/ 52387 w 509587"/>
            <a:gd name="connsiteY2" fmla="*/ 52388 h 238125"/>
            <a:gd name="connsiteX3" fmla="*/ 85725 w 509587"/>
            <a:gd name="connsiteY3" fmla="*/ 57150 h 238125"/>
            <a:gd name="connsiteX4" fmla="*/ 119062 w 509587"/>
            <a:gd name="connsiteY4" fmla="*/ 71438 h 238125"/>
            <a:gd name="connsiteX5" fmla="*/ 133350 w 509587"/>
            <a:gd name="connsiteY5" fmla="*/ 85725 h 238125"/>
            <a:gd name="connsiteX6" fmla="*/ 133350 w 509587"/>
            <a:gd name="connsiteY6" fmla="*/ 138113 h 238125"/>
            <a:gd name="connsiteX7" fmla="*/ 157162 w 509587"/>
            <a:gd name="connsiteY7" fmla="*/ 123825 h 238125"/>
            <a:gd name="connsiteX8" fmla="*/ 166687 w 509587"/>
            <a:gd name="connsiteY8" fmla="*/ 166688 h 238125"/>
            <a:gd name="connsiteX9" fmla="*/ 219075 w 509587"/>
            <a:gd name="connsiteY9" fmla="*/ 185738 h 238125"/>
            <a:gd name="connsiteX10" fmla="*/ 233362 w 509587"/>
            <a:gd name="connsiteY10" fmla="*/ 238125 h 238125"/>
            <a:gd name="connsiteX11" fmla="*/ 314325 w 509587"/>
            <a:gd name="connsiteY11" fmla="*/ 233363 h 238125"/>
            <a:gd name="connsiteX12" fmla="*/ 342900 w 509587"/>
            <a:gd name="connsiteY12" fmla="*/ 180975 h 238125"/>
            <a:gd name="connsiteX13" fmla="*/ 371475 w 509587"/>
            <a:gd name="connsiteY13" fmla="*/ 214313 h 238125"/>
            <a:gd name="connsiteX14" fmla="*/ 419100 w 509587"/>
            <a:gd name="connsiteY14" fmla="*/ 214313 h 238125"/>
            <a:gd name="connsiteX15" fmla="*/ 495300 w 509587"/>
            <a:gd name="connsiteY15" fmla="*/ 204788 h 238125"/>
            <a:gd name="connsiteX16" fmla="*/ 509587 w 509587"/>
            <a:gd name="connsiteY16" fmla="*/ 204788 h 238125"/>
            <a:gd name="connsiteX17" fmla="*/ 490537 w 509587"/>
            <a:gd name="connsiteY17" fmla="*/ 161925 h 238125"/>
            <a:gd name="connsiteX18" fmla="*/ 409575 w 509587"/>
            <a:gd name="connsiteY18" fmla="*/ 128588 h 238125"/>
            <a:gd name="connsiteX19" fmla="*/ 423862 w 509587"/>
            <a:gd name="connsiteY19" fmla="*/ 109538 h 238125"/>
            <a:gd name="connsiteX20" fmla="*/ 438150 w 509587"/>
            <a:gd name="connsiteY20" fmla="*/ 95250 h 238125"/>
            <a:gd name="connsiteX21" fmla="*/ 361950 w 509587"/>
            <a:gd name="connsiteY21" fmla="*/ 71438 h 238125"/>
            <a:gd name="connsiteX22" fmla="*/ 328612 w 509587"/>
            <a:gd name="connsiteY22" fmla="*/ 104775 h 238125"/>
            <a:gd name="connsiteX23" fmla="*/ 328612 w 509587"/>
            <a:gd name="connsiteY23" fmla="*/ 138113 h 238125"/>
            <a:gd name="connsiteX24" fmla="*/ 285750 w 509587"/>
            <a:gd name="connsiteY24" fmla="*/ 161925 h 238125"/>
            <a:gd name="connsiteX25" fmla="*/ 223837 w 509587"/>
            <a:gd name="connsiteY25" fmla="*/ 100013 h 238125"/>
            <a:gd name="connsiteX26" fmla="*/ 176212 w 509587"/>
            <a:gd name="connsiteY26" fmla="*/ 61913 h 238125"/>
            <a:gd name="connsiteX27" fmla="*/ 123825 w 509587"/>
            <a:gd name="connsiteY27" fmla="*/ 23813 h 238125"/>
            <a:gd name="connsiteX28" fmla="*/ 76200 w 509587"/>
            <a:gd name="connsiteY28" fmla="*/ 0 h 238125"/>
            <a:gd name="connsiteX29" fmla="*/ 38100 w 509587"/>
            <a:gd name="connsiteY29" fmla="*/ 4763 h 238125"/>
            <a:gd name="connsiteX30" fmla="*/ 0 w 509587"/>
            <a:gd name="connsiteY30" fmla="*/ 71438 h 238125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  <a:cxn ang="0">
              <a:pos x="connsiteX5" y="connsiteY5"/>
            </a:cxn>
            <a:cxn ang="0">
              <a:pos x="connsiteX6" y="connsiteY6"/>
            </a:cxn>
            <a:cxn ang="0">
              <a:pos x="connsiteX7" y="connsiteY7"/>
            </a:cxn>
            <a:cxn ang="0">
              <a:pos x="connsiteX8" y="connsiteY8"/>
            </a:cxn>
            <a:cxn ang="0">
              <a:pos x="connsiteX9" y="connsiteY9"/>
            </a:cxn>
            <a:cxn ang="0">
              <a:pos x="connsiteX10" y="connsiteY10"/>
            </a:cxn>
            <a:cxn ang="0">
              <a:pos x="connsiteX11" y="connsiteY11"/>
            </a:cxn>
            <a:cxn ang="0">
              <a:pos x="connsiteX12" y="connsiteY12"/>
            </a:cxn>
            <a:cxn ang="0">
              <a:pos x="connsiteX13" y="connsiteY13"/>
            </a:cxn>
            <a:cxn ang="0">
              <a:pos x="connsiteX14" y="connsiteY14"/>
            </a:cxn>
            <a:cxn ang="0">
              <a:pos x="connsiteX15" y="connsiteY15"/>
            </a:cxn>
            <a:cxn ang="0">
              <a:pos x="connsiteX16" y="connsiteY16"/>
            </a:cxn>
            <a:cxn ang="0">
              <a:pos x="connsiteX17" y="connsiteY17"/>
            </a:cxn>
            <a:cxn ang="0">
              <a:pos x="connsiteX18" y="connsiteY18"/>
            </a:cxn>
            <a:cxn ang="0">
              <a:pos x="connsiteX19" y="connsiteY19"/>
            </a:cxn>
            <a:cxn ang="0">
              <a:pos x="connsiteX20" y="connsiteY20"/>
            </a:cxn>
            <a:cxn ang="0">
              <a:pos x="connsiteX21" y="connsiteY21"/>
            </a:cxn>
            <a:cxn ang="0">
              <a:pos x="connsiteX22" y="connsiteY22"/>
            </a:cxn>
            <a:cxn ang="0">
              <a:pos x="connsiteX23" y="connsiteY23"/>
            </a:cxn>
            <a:cxn ang="0">
              <a:pos x="connsiteX24" y="connsiteY24"/>
            </a:cxn>
            <a:cxn ang="0">
              <a:pos x="connsiteX25" y="connsiteY25"/>
            </a:cxn>
            <a:cxn ang="0">
              <a:pos x="connsiteX26" y="connsiteY26"/>
            </a:cxn>
            <a:cxn ang="0">
              <a:pos x="connsiteX27" y="connsiteY27"/>
            </a:cxn>
            <a:cxn ang="0">
              <a:pos x="connsiteX28" y="connsiteY28"/>
            </a:cxn>
            <a:cxn ang="0">
              <a:pos x="connsiteX29" y="connsiteY29"/>
            </a:cxn>
            <a:cxn ang="0">
              <a:pos x="connsiteX30" y="connsiteY30"/>
            </a:cxn>
          </a:cxnLst>
          <a:rect l="l" t="t" r="r" b="b"/>
          <a:pathLst>
            <a:path w="509587" h="238125">
              <a:moveTo>
                <a:pt x="0" y="71438"/>
              </a:moveTo>
              <a:lnTo>
                <a:pt x="42862" y="100013"/>
              </a:lnTo>
              <a:lnTo>
                <a:pt x="52387" y="52388"/>
              </a:lnTo>
              <a:lnTo>
                <a:pt x="85725" y="57150"/>
              </a:lnTo>
              <a:lnTo>
                <a:pt x="119062" y="71438"/>
              </a:lnTo>
              <a:lnTo>
                <a:pt x="133350" y="85725"/>
              </a:lnTo>
              <a:lnTo>
                <a:pt x="133350" y="138113"/>
              </a:lnTo>
              <a:lnTo>
                <a:pt x="157162" y="123825"/>
              </a:lnTo>
              <a:lnTo>
                <a:pt x="166687" y="166688"/>
              </a:lnTo>
              <a:lnTo>
                <a:pt x="219075" y="185738"/>
              </a:lnTo>
              <a:lnTo>
                <a:pt x="233362" y="238125"/>
              </a:lnTo>
              <a:lnTo>
                <a:pt x="314325" y="233363"/>
              </a:lnTo>
              <a:lnTo>
                <a:pt x="342900" y="180975"/>
              </a:lnTo>
              <a:lnTo>
                <a:pt x="371475" y="214313"/>
              </a:lnTo>
              <a:lnTo>
                <a:pt x="419100" y="214313"/>
              </a:lnTo>
              <a:lnTo>
                <a:pt x="495300" y="204788"/>
              </a:lnTo>
              <a:lnTo>
                <a:pt x="509587" y="204788"/>
              </a:lnTo>
              <a:lnTo>
                <a:pt x="490537" y="161925"/>
              </a:lnTo>
              <a:lnTo>
                <a:pt x="409575" y="128588"/>
              </a:lnTo>
              <a:lnTo>
                <a:pt x="423862" y="109538"/>
              </a:lnTo>
              <a:lnTo>
                <a:pt x="438150" y="95250"/>
              </a:lnTo>
              <a:lnTo>
                <a:pt x="361950" y="71438"/>
              </a:lnTo>
              <a:lnTo>
                <a:pt x="328612" y="104775"/>
              </a:lnTo>
              <a:lnTo>
                <a:pt x="328612" y="138113"/>
              </a:lnTo>
              <a:lnTo>
                <a:pt x="285750" y="161925"/>
              </a:lnTo>
              <a:lnTo>
                <a:pt x="223837" y="100013"/>
              </a:lnTo>
              <a:lnTo>
                <a:pt x="176212" y="61913"/>
              </a:lnTo>
              <a:lnTo>
                <a:pt x="123825" y="23813"/>
              </a:lnTo>
              <a:lnTo>
                <a:pt x="76200" y="0"/>
              </a:lnTo>
              <a:lnTo>
                <a:pt x="38100" y="4763"/>
              </a:lnTo>
              <a:lnTo>
                <a:pt x="0" y="71438"/>
              </a:lnTo>
              <a:close/>
            </a:path>
          </a:pathLst>
        </a:custGeom>
        <a:noFill/>
        <a:ln w="9525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9</xdr:col>
      <xdr:colOff>600074</xdr:colOff>
      <xdr:row>16</xdr:row>
      <xdr:rowOff>152399</xdr:rowOff>
    </xdr:from>
    <xdr:to>
      <xdr:col>10</xdr:col>
      <xdr:colOff>257175</xdr:colOff>
      <xdr:row>20</xdr:row>
      <xdr:rowOff>114300</xdr:rowOff>
    </xdr:to>
    <xdr:sp macro="" textlink="">
      <xdr:nvSpPr>
        <xdr:cNvPr id="77" name="Rectangle 60">
          <a:extLst>
            <a:ext uri="{FF2B5EF4-FFF2-40B4-BE49-F238E27FC236}">
              <a16:creationId xmlns:a16="http://schemas.microsoft.com/office/drawing/2014/main" id="{00000000-0008-0000-0200-00004D000000}"/>
            </a:ext>
          </a:extLst>
        </xdr:cNvPr>
        <xdr:cNvSpPr>
          <a:spLocks noChangeArrowheads="1"/>
        </xdr:cNvSpPr>
      </xdr:nvSpPr>
      <xdr:spPr bwMode="auto">
        <a:xfrm>
          <a:off x="6086474" y="3838574"/>
          <a:ext cx="266701" cy="57150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大和市</a:t>
          </a:r>
        </a:p>
      </xdr:txBody>
    </xdr:sp>
    <xdr:clientData/>
  </xdr:twoCellAnchor>
  <xdr:twoCellAnchor>
    <xdr:from>
      <xdr:col>10</xdr:col>
      <xdr:colOff>161924</xdr:colOff>
      <xdr:row>28</xdr:row>
      <xdr:rowOff>9524</xdr:rowOff>
    </xdr:from>
    <xdr:to>
      <xdr:col>10</xdr:col>
      <xdr:colOff>428625</xdr:colOff>
      <xdr:row>31</xdr:row>
      <xdr:rowOff>123825</xdr:rowOff>
    </xdr:to>
    <xdr:sp macro="" textlink="">
      <xdr:nvSpPr>
        <xdr:cNvPr id="78" name="Rectangle 60">
          <a:extLst>
            <a:ext uri="{FF2B5EF4-FFF2-40B4-BE49-F238E27FC236}">
              <a16:creationId xmlns:a16="http://schemas.microsoft.com/office/drawing/2014/main" id="{00000000-0008-0000-0200-00004E000000}"/>
            </a:ext>
          </a:extLst>
        </xdr:cNvPr>
        <xdr:cNvSpPr>
          <a:spLocks noChangeArrowheads="1"/>
        </xdr:cNvSpPr>
      </xdr:nvSpPr>
      <xdr:spPr bwMode="auto">
        <a:xfrm>
          <a:off x="6257924" y="5524499"/>
          <a:ext cx="266701" cy="57150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藤沢市</a:t>
          </a:r>
        </a:p>
      </xdr:txBody>
    </xdr:sp>
    <xdr:clientData/>
  </xdr:twoCellAnchor>
  <xdr:twoCellAnchor>
    <xdr:from>
      <xdr:col>10</xdr:col>
      <xdr:colOff>88900</xdr:colOff>
      <xdr:row>5</xdr:row>
      <xdr:rowOff>9525</xdr:rowOff>
    </xdr:from>
    <xdr:to>
      <xdr:col>16</xdr:col>
      <xdr:colOff>307975</xdr:colOff>
      <xdr:row>34</xdr:row>
      <xdr:rowOff>123825</xdr:rowOff>
    </xdr:to>
    <xdr:grpSp>
      <xdr:nvGrpSpPr>
        <xdr:cNvPr id="79" name="グループ化 80">
          <a:extLst>
            <a:ext uri="{FF2B5EF4-FFF2-40B4-BE49-F238E27FC236}">
              <a16:creationId xmlns:a16="http://schemas.microsoft.com/office/drawing/2014/main" id="{00000000-0008-0000-0200-00004F000000}"/>
            </a:ext>
          </a:extLst>
        </xdr:cNvPr>
        <xdr:cNvGrpSpPr>
          <a:grpSpLocks/>
        </xdr:cNvGrpSpPr>
      </xdr:nvGrpSpPr>
      <xdr:grpSpPr bwMode="auto">
        <a:xfrm>
          <a:off x="6212114" y="1993900"/>
          <a:ext cx="3893004" cy="4389211"/>
          <a:chOff x="6172200" y="2019300"/>
          <a:chExt cx="3876675" cy="4533900"/>
        </a:xfrm>
      </xdr:grpSpPr>
      <xdr:sp macro="" textlink="">
        <xdr:nvSpPr>
          <xdr:cNvPr id="80" name="d14100">
            <a:extLst>
              <a:ext uri="{FF2B5EF4-FFF2-40B4-BE49-F238E27FC236}">
                <a16:creationId xmlns:a16="http://schemas.microsoft.com/office/drawing/2014/main" id="{00000000-0008-0000-0200-000050000000}"/>
              </a:ext>
            </a:extLst>
          </xdr:cNvPr>
          <xdr:cNvSpPr>
            <a:spLocks/>
          </xdr:cNvSpPr>
        </xdr:nvSpPr>
        <xdr:spPr bwMode="auto">
          <a:xfrm>
            <a:off x="6324600" y="2695575"/>
            <a:ext cx="2828925" cy="38576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0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w 16384"/>
              <a:gd name="T175" fmla="*/ 0 h 16384"/>
              <a:gd name="T176" fmla="*/ 16384 w 16384"/>
              <a:gd name="T177" fmla="*/ 16384 h 16384"/>
            </a:gdLst>
            <a:ahLst/>
            <a:cxnLst>
              <a:cxn ang="T116">
                <a:pos x="T0" y="T1"/>
              </a:cxn>
              <a:cxn ang="T117">
                <a:pos x="T2" y="T3"/>
              </a:cxn>
              <a:cxn ang="T118">
                <a:pos x="T4" y="T5"/>
              </a:cxn>
              <a:cxn ang="T119">
                <a:pos x="T6" y="T7"/>
              </a:cxn>
              <a:cxn ang="T120">
                <a:pos x="T8" y="T9"/>
              </a:cxn>
              <a:cxn ang="T121">
                <a:pos x="T10" y="T11"/>
              </a:cxn>
              <a:cxn ang="T122">
                <a:pos x="T12" y="T13"/>
              </a:cxn>
              <a:cxn ang="T123">
                <a:pos x="T14" y="T15"/>
              </a:cxn>
              <a:cxn ang="T124">
                <a:pos x="T16" y="T17"/>
              </a:cxn>
              <a:cxn ang="T125">
                <a:pos x="T18" y="T19"/>
              </a:cxn>
              <a:cxn ang="T126">
                <a:pos x="T20" y="T21"/>
              </a:cxn>
              <a:cxn ang="T127">
                <a:pos x="T22" y="T23"/>
              </a:cxn>
              <a:cxn ang="T128">
                <a:pos x="T24" y="T25"/>
              </a:cxn>
              <a:cxn ang="T129">
                <a:pos x="T26" y="T27"/>
              </a:cxn>
              <a:cxn ang="T130">
                <a:pos x="T28" y="T29"/>
              </a:cxn>
              <a:cxn ang="T131">
                <a:pos x="T30" y="T31"/>
              </a:cxn>
              <a:cxn ang="T132">
                <a:pos x="T32" y="T33"/>
              </a:cxn>
              <a:cxn ang="T133">
                <a:pos x="T34" y="T35"/>
              </a:cxn>
              <a:cxn ang="T134">
                <a:pos x="T36" y="T37"/>
              </a:cxn>
              <a:cxn ang="T135">
                <a:pos x="T38" y="T39"/>
              </a:cxn>
              <a:cxn ang="T136">
                <a:pos x="T40" y="T41"/>
              </a:cxn>
              <a:cxn ang="T137">
                <a:pos x="T42" y="T43"/>
              </a:cxn>
              <a:cxn ang="T138">
                <a:pos x="T44" y="T45"/>
              </a:cxn>
              <a:cxn ang="T139">
                <a:pos x="T46" y="T47"/>
              </a:cxn>
              <a:cxn ang="T140">
                <a:pos x="T48" y="T49"/>
              </a:cxn>
              <a:cxn ang="T141">
                <a:pos x="T50" y="T51"/>
              </a:cxn>
              <a:cxn ang="T142">
                <a:pos x="T52" y="T53"/>
              </a:cxn>
              <a:cxn ang="T143">
                <a:pos x="T54" y="T55"/>
              </a:cxn>
              <a:cxn ang="T144">
                <a:pos x="T56" y="T57"/>
              </a:cxn>
              <a:cxn ang="T145">
                <a:pos x="T58" y="T59"/>
              </a:cxn>
              <a:cxn ang="T146">
                <a:pos x="T60" y="T61"/>
              </a:cxn>
              <a:cxn ang="T147">
                <a:pos x="T62" y="T63"/>
              </a:cxn>
              <a:cxn ang="T148">
                <a:pos x="T64" y="T65"/>
              </a:cxn>
              <a:cxn ang="T149">
                <a:pos x="T66" y="T67"/>
              </a:cxn>
              <a:cxn ang="T150">
                <a:pos x="T68" y="T69"/>
              </a:cxn>
              <a:cxn ang="T151">
                <a:pos x="T70" y="T71"/>
              </a:cxn>
              <a:cxn ang="T152">
                <a:pos x="T72" y="T73"/>
              </a:cxn>
              <a:cxn ang="T153">
                <a:pos x="T74" y="T75"/>
              </a:cxn>
              <a:cxn ang="T154">
                <a:pos x="T76" y="T77"/>
              </a:cxn>
              <a:cxn ang="T155">
                <a:pos x="T78" y="T79"/>
              </a:cxn>
              <a:cxn ang="T156">
                <a:pos x="T80" y="T81"/>
              </a:cxn>
              <a:cxn ang="T157">
                <a:pos x="T82" y="T83"/>
              </a:cxn>
              <a:cxn ang="T158">
                <a:pos x="T84" y="T85"/>
              </a:cxn>
              <a:cxn ang="T159">
                <a:pos x="T86" y="T87"/>
              </a:cxn>
              <a:cxn ang="T160">
                <a:pos x="T88" y="T89"/>
              </a:cxn>
              <a:cxn ang="T161">
                <a:pos x="T90" y="T91"/>
              </a:cxn>
              <a:cxn ang="T162">
                <a:pos x="T92" y="T93"/>
              </a:cxn>
              <a:cxn ang="T163">
                <a:pos x="T94" y="T95"/>
              </a:cxn>
              <a:cxn ang="T164">
                <a:pos x="T96" y="T97"/>
              </a:cxn>
              <a:cxn ang="T165">
                <a:pos x="T98" y="T99"/>
              </a:cxn>
              <a:cxn ang="T166">
                <a:pos x="T100" y="T101"/>
              </a:cxn>
              <a:cxn ang="T167">
                <a:pos x="T102" y="T103"/>
              </a:cxn>
              <a:cxn ang="T168">
                <a:pos x="T104" y="T105"/>
              </a:cxn>
              <a:cxn ang="T169">
                <a:pos x="T106" y="T107"/>
              </a:cxn>
              <a:cxn ang="T170">
                <a:pos x="T108" y="T109"/>
              </a:cxn>
              <a:cxn ang="T171">
                <a:pos x="T110" y="T111"/>
              </a:cxn>
              <a:cxn ang="T172">
                <a:pos x="T112" y="T113"/>
              </a:cxn>
              <a:cxn ang="T173">
                <a:pos x="T114" y="T115"/>
              </a:cxn>
            </a:cxnLst>
            <a:rect l="T174" t="T175" r="T176" b="T177"/>
            <a:pathLst>
              <a:path w="16384" h="16384">
                <a:moveTo>
                  <a:pt x="16384" y="6028"/>
                </a:moveTo>
                <a:lnTo>
                  <a:pt x="15391" y="6392"/>
                </a:lnTo>
                <a:lnTo>
                  <a:pt x="15170" y="5906"/>
                </a:lnTo>
                <a:lnTo>
                  <a:pt x="14784" y="5947"/>
                </a:lnTo>
                <a:lnTo>
                  <a:pt x="15170" y="6473"/>
                </a:lnTo>
                <a:lnTo>
                  <a:pt x="14619" y="6675"/>
                </a:lnTo>
                <a:lnTo>
                  <a:pt x="14122" y="5704"/>
                </a:lnTo>
                <a:lnTo>
                  <a:pt x="14067" y="5785"/>
                </a:lnTo>
                <a:lnTo>
                  <a:pt x="14398" y="7039"/>
                </a:lnTo>
                <a:lnTo>
                  <a:pt x="13515" y="7322"/>
                </a:lnTo>
                <a:lnTo>
                  <a:pt x="13405" y="7201"/>
                </a:lnTo>
                <a:lnTo>
                  <a:pt x="13515" y="7080"/>
                </a:lnTo>
                <a:lnTo>
                  <a:pt x="13846" y="6958"/>
                </a:lnTo>
                <a:lnTo>
                  <a:pt x="13791" y="6756"/>
                </a:lnTo>
                <a:lnTo>
                  <a:pt x="13626" y="6756"/>
                </a:lnTo>
                <a:lnTo>
                  <a:pt x="13405" y="6796"/>
                </a:lnTo>
                <a:lnTo>
                  <a:pt x="13184" y="6796"/>
                </a:lnTo>
                <a:lnTo>
                  <a:pt x="12853" y="6796"/>
                </a:lnTo>
                <a:lnTo>
                  <a:pt x="12467" y="6796"/>
                </a:lnTo>
                <a:lnTo>
                  <a:pt x="12081" y="6796"/>
                </a:lnTo>
                <a:lnTo>
                  <a:pt x="11860" y="6877"/>
                </a:lnTo>
                <a:lnTo>
                  <a:pt x="12357" y="7120"/>
                </a:lnTo>
                <a:lnTo>
                  <a:pt x="12247" y="7241"/>
                </a:lnTo>
                <a:lnTo>
                  <a:pt x="12578" y="7484"/>
                </a:lnTo>
                <a:lnTo>
                  <a:pt x="12467" y="7565"/>
                </a:lnTo>
                <a:lnTo>
                  <a:pt x="11916" y="7241"/>
                </a:lnTo>
                <a:lnTo>
                  <a:pt x="11254" y="7525"/>
                </a:lnTo>
                <a:lnTo>
                  <a:pt x="10978" y="7848"/>
                </a:lnTo>
                <a:lnTo>
                  <a:pt x="11254" y="8091"/>
                </a:lnTo>
                <a:lnTo>
                  <a:pt x="11419" y="8172"/>
                </a:lnTo>
                <a:lnTo>
                  <a:pt x="11750" y="7970"/>
                </a:lnTo>
                <a:lnTo>
                  <a:pt x="11971" y="8010"/>
                </a:lnTo>
                <a:lnTo>
                  <a:pt x="11860" y="8334"/>
                </a:lnTo>
                <a:lnTo>
                  <a:pt x="12467" y="8617"/>
                </a:lnTo>
                <a:lnTo>
                  <a:pt x="12743" y="8334"/>
                </a:lnTo>
                <a:lnTo>
                  <a:pt x="13074" y="8495"/>
                </a:lnTo>
                <a:lnTo>
                  <a:pt x="13184" y="8414"/>
                </a:lnTo>
                <a:lnTo>
                  <a:pt x="13350" y="8455"/>
                </a:lnTo>
                <a:lnTo>
                  <a:pt x="13295" y="8576"/>
                </a:lnTo>
                <a:lnTo>
                  <a:pt x="12688" y="8779"/>
                </a:lnTo>
                <a:lnTo>
                  <a:pt x="13019" y="8940"/>
                </a:lnTo>
                <a:lnTo>
                  <a:pt x="13460" y="8576"/>
                </a:lnTo>
                <a:lnTo>
                  <a:pt x="13681" y="8617"/>
                </a:lnTo>
                <a:lnTo>
                  <a:pt x="13515" y="8940"/>
                </a:lnTo>
                <a:lnTo>
                  <a:pt x="13626" y="9021"/>
                </a:lnTo>
                <a:lnTo>
                  <a:pt x="13846" y="8779"/>
                </a:lnTo>
                <a:lnTo>
                  <a:pt x="14012" y="8819"/>
                </a:lnTo>
                <a:lnTo>
                  <a:pt x="13736" y="9264"/>
                </a:lnTo>
                <a:lnTo>
                  <a:pt x="13902" y="9304"/>
                </a:lnTo>
                <a:lnTo>
                  <a:pt x="14122" y="8859"/>
                </a:lnTo>
                <a:lnTo>
                  <a:pt x="14343" y="8940"/>
                </a:lnTo>
                <a:lnTo>
                  <a:pt x="13957" y="9426"/>
                </a:lnTo>
                <a:lnTo>
                  <a:pt x="14233" y="9507"/>
                </a:lnTo>
                <a:lnTo>
                  <a:pt x="14564" y="8981"/>
                </a:lnTo>
                <a:lnTo>
                  <a:pt x="14619" y="9062"/>
                </a:lnTo>
                <a:lnTo>
                  <a:pt x="14343" y="10033"/>
                </a:lnTo>
                <a:lnTo>
                  <a:pt x="14067" y="9871"/>
                </a:lnTo>
                <a:lnTo>
                  <a:pt x="13902" y="10033"/>
                </a:lnTo>
                <a:lnTo>
                  <a:pt x="14343" y="10275"/>
                </a:lnTo>
                <a:lnTo>
                  <a:pt x="14233" y="10680"/>
                </a:lnTo>
                <a:lnTo>
                  <a:pt x="13515" y="11084"/>
                </a:lnTo>
                <a:lnTo>
                  <a:pt x="12909" y="10761"/>
                </a:lnTo>
                <a:lnTo>
                  <a:pt x="12412" y="10559"/>
                </a:lnTo>
                <a:lnTo>
                  <a:pt x="12136" y="10599"/>
                </a:lnTo>
                <a:lnTo>
                  <a:pt x="11860" y="10639"/>
                </a:lnTo>
                <a:lnTo>
                  <a:pt x="11529" y="10680"/>
                </a:lnTo>
                <a:lnTo>
                  <a:pt x="11143" y="10801"/>
                </a:lnTo>
                <a:lnTo>
                  <a:pt x="11033" y="10680"/>
                </a:lnTo>
                <a:lnTo>
                  <a:pt x="10868" y="10761"/>
                </a:lnTo>
                <a:lnTo>
                  <a:pt x="10978" y="11004"/>
                </a:lnTo>
                <a:lnTo>
                  <a:pt x="11750" y="10882"/>
                </a:lnTo>
                <a:lnTo>
                  <a:pt x="11971" y="11004"/>
                </a:lnTo>
                <a:lnTo>
                  <a:pt x="11971" y="11165"/>
                </a:lnTo>
                <a:lnTo>
                  <a:pt x="11750" y="11165"/>
                </a:lnTo>
                <a:lnTo>
                  <a:pt x="11474" y="11206"/>
                </a:lnTo>
                <a:lnTo>
                  <a:pt x="11033" y="11287"/>
                </a:lnTo>
                <a:lnTo>
                  <a:pt x="10757" y="11206"/>
                </a:lnTo>
                <a:lnTo>
                  <a:pt x="10426" y="11449"/>
                </a:lnTo>
                <a:lnTo>
                  <a:pt x="10592" y="11732"/>
                </a:lnTo>
                <a:lnTo>
                  <a:pt x="11143" y="11651"/>
                </a:lnTo>
                <a:lnTo>
                  <a:pt x="11309" y="11894"/>
                </a:lnTo>
                <a:lnTo>
                  <a:pt x="10923" y="12055"/>
                </a:lnTo>
                <a:lnTo>
                  <a:pt x="10757" y="12136"/>
                </a:lnTo>
                <a:lnTo>
                  <a:pt x="10978" y="12258"/>
                </a:lnTo>
                <a:lnTo>
                  <a:pt x="11364" y="12298"/>
                </a:lnTo>
                <a:lnTo>
                  <a:pt x="12136" y="11813"/>
                </a:lnTo>
                <a:lnTo>
                  <a:pt x="12522" y="12015"/>
                </a:lnTo>
                <a:lnTo>
                  <a:pt x="11860" y="12500"/>
                </a:lnTo>
                <a:lnTo>
                  <a:pt x="12136" y="12703"/>
                </a:lnTo>
                <a:lnTo>
                  <a:pt x="12357" y="12541"/>
                </a:lnTo>
                <a:lnTo>
                  <a:pt x="12522" y="13026"/>
                </a:lnTo>
                <a:lnTo>
                  <a:pt x="12247" y="13026"/>
                </a:lnTo>
                <a:lnTo>
                  <a:pt x="12136" y="13269"/>
                </a:lnTo>
                <a:lnTo>
                  <a:pt x="12191" y="13754"/>
                </a:lnTo>
                <a:lnTo>
                  <a:pt x="12467" y="13957"/>
                </a:lnTo>
                <a:lnTo>
                  <a:pt x="12467" y="14402"/>
                </a:lnTo>
                <a:lnTo>
                  <a:pt x="12136" y="14685"/>
                </a:lnTo>
                <a:lnTo>
                  <a:pt x="11695" y="14402"/>
                </a:lnTo>
                <a:lnTo>
                  <a:pt x="11364" y="14644"/>
                </a:lnTo>
                <a:lnTo>
                  <a:pt x="11198" y="14685"/>
                </a:lnTo>
                <a:lnTo>
                  <a:pt x="10978" y="14806"/>
                </a:lnTo>
                <a:lnTo>
                  <a:pt x="11033" y="15049"/>
                </a:lnTo>
                <a:lnTo>
                  <a:pt x="11143" y="15292"/>
                </a:lnTo>
                <a:lnTo>
                  <a:pt x="11254" y="15413"/>
                </a:lnTo>
                <a:lnTo>
                  <a:pt x="11474" y="15494"/>
                </a:lnTo>
                <a:lnTo>
                  <a:pt x="11198" y="15858"/>
                </a:lnTo>
                <a:lnTo>
                  <a:pt x="11088" y="15696"/>
                </a:lnTo>
                <a:lnTo>
                  <a:pt x="10868" y="15737"/>
                </a:lnTo>
                <a:lnTo>
                  <a:pt x="10702" y="15979"/>
                </a:lnTo>
                <a:lnTo>
                  <a:pt x="10592" y="16060"/>
                </a:lnTo>
                <a:lnTo>
                  <a:pt x="10261" y="16141"/>
                </a:lnTo>
                <a:lnTo>
                  <a:pt x="9819" y="16182"/>
                </a:lnTo>
                <a:lnTo>
                  <a:pt x="9764" y="16263"/>
                </a:lnTo>
                <a:lnTo>
                  <a:pt x="9544" y="16384"/>
                </a:lnTo>
                <a:lnTo>
                  <a:pt x="9323" y="16303"/>
                </a:lnTo>
                <a:lnTo>
                  <a:pt x="9213" y="16222"/>
                </a:lnTo>
                <a:lnTo>
                  <a:pt x="8937" y="16222"/>
                </a:lnTo>
                <a:lnTo>
                  <a:pt x="8606" y="16060"/>
                </a:lnTo>
                <a:lnTo>
                  <a:pt x="8495" y="15939"/>
                </a:lnTo>
                <a:lnTo>
                  <a:pt x="8551" y="15777"/>
                </a:lnTo>
                <a:lnTo>
                  <a:pt x="8385" y="15656"/>
                </a:lnTo>
                <a:lnTo>
                  <a:pt x="8220" y="15534"/>
                </a:lnTo>
                <a:lnTo>
                  <a:pt x="8220" y="15373"/>
                </a:lnTo>
                <a:lnTo>
                  <a:pt x="8275" y="15170"/>
                </a:lnTo>
                <a:lnTo>
                  <a:pt x="8109" y="15009"/>
                </a:lnTo>
                <a:lnTo>
                  <a:pt x="7613" y="15049"/>
                </a:lnTo>
                <a:lnTo>
                  <a:pt x="7337" y="15049"/>
                </a:lnTo>
                <a:lnTo>
                  <a:pt x="7116" y="14968"/>
                </a:lnTo>
                <a:lnTo>
                  <a:pt x="7116" y="14725"/>
                </a:lnTo>
                <a:lnTo>
                  <a:pt x="6951" y="14402"/>
                </a:lnTo>
                <a:lnTo>
                  <a:pt x="6896" y="14402"/>
                </a:lnTo>
                <a:lnTo>
                  <a:pt x="6509" y="14442"/>
                </a:lnTo>
                <a:lnTo>
                  <a:pt x="6289" y="14361"/>
                </a:lnTo>
                <a:lnTo>
                  <a:pt x="5958" y="14199"/>
                </a:lnTo>
                <a:lnTo>
                  <a:pt x="5682" y="13957"/>
                </a:lnTo>
                <a:lnTo>
                  <a:pt x="5572" y="13795"/>
                </a:lnTo>
                <a:lnTo>
                  <a:pt x="5461" y="13552"/>
                </a:lnTo>
                <a:lnTo>
                  <a:pt x="5296" y="13471"/>
                </a:lnTo>
                <a:lnTo>
                  <a:pt x="5130" y="13714"/>
                </a:lnTo>
                <a:lnTo>
                  <a:pt x="4689" y="13916"/>
                </a:lnTo>
                <a:lnTo>
                  <a:pt x="4137" y="13754"/>
                </a:lnTo>
                <a:lnTo>
                  <a:pt x="3862" y="13593"/>
                </a:lnTo>
                <a:lnTo>
                  <a:pt x="3696" y="13593"/>
                </a:lnTo>
                <a:lnTo>
                  <a:pt x="3310" y="13512"/>
                </a:lnTo>
                <a:lnTo>
                  <a:pt x="2924" y="13350"/>
                </a:lnTo>
                <a:lnTo>
                  <a:pt x="2538" y="13107"/>
                </a:lnTo>
                <a:lnTo>
                  <a:pt x="2372" y="13431"/>
                </a:lnTo>
                <a:lnTo>
                  <a:pt x="2096" y="13552"/>
                </a:lnTo>
                <a:lnTo>
                  <a:pt x="2041" y="13674"/>
                </a:lnTo>
                <a:lnTo>
                  <a:pt x="1765" y="13714"/>
                </a:lnTo>
                <a:lnTo>
                  <a:pt x="1434" y="13633"/>
                </a:lnTo>
                <a:lnTo>
                  <a:pt x="1489" y="13350"/>
                </a:lnTo>
                <a:lnTo>
                  <a:pt x="1600" y="13148"/>
                </a:lnTo>
                <a:lnTo>
                  <a:pt x="1710" y="12945"/>
                </a:lnTo>
                <a:lnTo>
                  <a:pt x="1931" y="12824"/>
                </a:lnTo>
                <a:lnTo>
                  <a:pt x="1986" y="12662"/>
                </a:lnTo>
                <a:lnTo>
                  <a:pt x="1876" y="12500"/>
                </a:lnTo>
                <a:lnTo>
                  <a:pt x="1655" y="12379"/>
                </a:lnTo>
                <a:lnTo>
                  <a:pt x="1489" y="12298"/>
                </a:lnTo>
                <a:lnTo>
                  <a:pt x="1379" y="12055"/>
                </a:lnTo>
                <a:lnTo>
                  <a:pt x="1269" y="12015"/>
                </a:lnTo>
                <a:lnTo>
                  <a:pt x="1158" y="11853"/>
                </a:lnTo>
                <a:lnTo>
                  <a:pt x="938" y="11732"/>
                </a:lnTo>
                <a:lnTo>
                  <a:pt x="938" y="11570"/>
                </a:lnTo>
                <a:lnTo>
                  <a:pt x="883" y="11327"/>
                </a:lnTo>
                <a:lnTo>
                  <a:pt x="772" y="11165"/>
                </a:lnTo>
                <a:lnTo>
                  <a:pt x="827" y="11004"/>
                </a:lnTo>
                <a:lnTo>
                  <a:pt x="772" y="10842"/>
                </a:lnTo>
                <a:lnTo>
                  <a:pt x="827" y="10559"/>
                </a:lnTo>
                <a:lnTo>
                  <a:pt x="883" y="10316"/>
                </a:lnTo>
                <a:lnTo>
                  <a:pt x="883" y="10154"/>
                </a:lnTo>
                <a:lnTo>
                  <a:pt x="717" y="10033"/>
                </a:lnTo>
                <a:lnTo>
                  <a:pt x="496" y="9952"/>
                </a:lnTo>
                <a:lnTo>
                  <a:pt x="607" y="9507"/>
                </a:lnTo>
                <a:lnTo>
                  <a:pt x="552" y="9345"/>
                </a:lnTo>
                <a:lnTo>
                  <a:pt x="827" y="8900"/>
                </a:lnTo>
                <a:lnTo>
                  <a:pt x="1048" y="8495"/>
                </a:lnTo>
                <a:lnTo>
                  <a:pt x="883" y="8172"/>
                </a:lnTo>
                <a:lnTo>
                  <a:pt x="662" y="7808"/>
                </a:lnTo>
                <a:lnTo>
                  <a:pt x="552" y="7565"/>
                </a:lnTo>
                <a:lnTo>
                  <a:pt x="662" y="7363"/>
                </a:lnTo>
                <a:lnTo>
                  <a:pt x="662" y="7201"/>
                </a:lnTo>
                <a:lnTo>
                  <a:pt x="441" y="6877"/>
                </a:lnTo>
                <a:lnTo>
                  <a:pt x="441" y="6675"/>
                </a:lnTo>
                <a:lnTo>
                  <a:pt x="441" y="6473"/>
                </a:lnTo>
                <a:lnTo>
                  <a:pt x="386" y="6311"/>
                </a:lnTo>
                <a:lnTo>
                  <a:pt x="496" y="6109"/>
                </a:lnTo>
                <a:lnTo>
                  <a:pt x="276" y="5745"/>
                </a:lnTo>
                <a:lnTo>
                  <a:pt x="110" y="5704"/>
                </a:lnTo>
                <a:lnTo>
                  <a:pt x="0" y="5583"/>
                </a:lnTo>
                <a:lnTo>
                  <a:pt x="110" y="5461"/>
                </a:lnTo>
                <a:lnTo>
                  <a:pt x="276" y="5340"/>
                </a:lnTo>
                <a:lnTo>
                  <a:pt x="607" y="5300"/>
                </a:lnTo>
                <a:lnTo>
                  <a:pt x="938" y="5259"/>
                </a:lnTo>
                <a:lnTo>
                  <a:pt x="1324" y="5219"/>
                </a:lnTo>
                <a:lnTo>
                  <a:pt x="1324" y="5097"/>
                </a:lnTo>
                <a:lnTo>
                  <a:pt x="1048" y="4855"/>
                </a:lnTo>
                <a:lnTo>
                  <a:pt x="1214" y="4612"/>
                </a:lnTo>
                <a:lnTo>
                  <a:pt x="1269" y="4410"/>
                </a:lnTo>
                <a:lnTo>
                  <a:pt x="1434" y="4248"/>
                </a:lnTo>
                <a:lnTo>
                  <a:pt x="1434" y="4086"/>
                </a:lnTo>
                <a:lnTo>
                  <a:pt x="1600" y="3722"/>
                </a:lnTo>
                <a:lnTo>
                  <a:pt x="1379" y="3439"/>
                </a:lnTo>
                <a:lnTo>
                  <a:pt x="1434" y="3277"/>
                </a:lnTo>
                <a:lnTo>
                  <a:pt x="1324" y="3155"/>
                </a:lnTo>
                <a:lnTo>
                  <a:pt x="1103" y="3075"/>
                </a:lnTo>
                <a:lnTo>
                  <a:pt x="1103" y="2913"/>
                </a:lnTo>
                <a:lnTo>
                  <a:pt x="1269" y="2589"/>
                </a:lnTo>
                <a:lnTo>
                  <a:pt x="1158" y="2104"/>
                </a:lnTo>
                <a:lnTo>
                  <a:pt x="938" y="1942"/>
                </a:lnTo>
                <a:lnTo>
                  <a:pt x="938" y="1740"/>
                </a:lnTo>
                <a:lnTo>
                  <a:pt x="827" y="1740"/>
                </a:lnTo>
                <a:lnTo>
                  <a:pt x="496" y="1942"/>
                </a:lnTo>
                <a:lnTo>
                  <a:pt x="386" y="1497"/>
                </a:lnTo>
                <a:lnTo>
                  <a:pt x="607" y="1173"/>
                </a:lnTo>
                <a:lnTo>
                  <a:pt x="993" y="1133"/>
                </a:lnTo>
                <a:lnTo>
                  <a:pt x="1489" y="890"/>
                </a:lnTo>
                <a:lnTo>
                  <a:pt x="1379" y="1295"/>
                </a:lnTo>
                <a:lnTo>
                  <a:pt x="1600" y="1416"/>
                </a:lnTo>
                <a:lnTo>
                  <a:pt x="1545" y="1578"/>
                </a:lnTo>
                <a:lnTo>
                  <a:pt x="1655" y="1780"/>
                </a:lnTo>
                <a:lnTo>
                  <a:pt x="1986" y="1780"/>
                </a:lnTo>
                <a:lnTo>
                  <a:pt x="2041" y="1618"/>
                </a:lnTo>
                <a:lnTo>
                  <a:pt x="2317" y="1618"/>
                </a:lnTo>
                <a:lnTo>
                  <a:pt x="2427" y="1335"/>
                </a:lnTo>
                <a:lnTo>
                  <a:pt x="2813" y="1254"/>
                </a:lnTo>
                <a:lnTo>
                  <a:pt x="2869" y="1092"/>
                </a:lnTo>
                <a:lnTo>
                  <a:pt x="2979" y="1173"/>
                </a:lnTo>
                <a:lnTo>
                  <a:pt x="3034" y="1295"/>
                </a:lnTo>
                <a:lnTo>
                  <a:pt x="3089" y="1335"/>
                </a:lnTo>
                <a:lnTo>
                  <a:pt x="3200" y="1375"/>
                </a:lnTo>
                <a:lnTo>
                  <a:pt x="3200" y="1537"/>
                </a:lnTo>
                <a:lnTo>
                  <a:pt x="3255" y="1537"/>
                </a:lnTo>
                <a:lnTo>
                  <a:pt x="3586" y="1375"/>
                </a:lnTo>
                <a:lnTo>
                  <a:pt x="3806" y="1335"/>
                </a:lnTo>
                <a:lnTo>
                  <a:pt x="4193" y="1052"/>
                </a:lnTo>
                <a:lnTo>
                  <a:pt x="4082" y="1011"/>
                </a:lnTo>
                <a:lnTo>
                  <a:pt x="4193" y="971"/>
                </a:lnTo>
                <a:lnTo>
                  <a:pt x="4027" y="769"/>
                </a:lnTo>
                <a:lnTo>
                  <a:pt x="3917" y="688"/>
                </a:lnTo>
                <a:lnTo>
                  <a:pt x="4248" y="728"/>
                </a:lnTo>
                <a:lnTo>
                  <a:pt x="4303" y="647"/>
                </a:lnTo>
                <a:lnTo>
                  <a:pt x="4303" y="485"/>
                </a:lnTo>
                <a:lnTo>
                  <a:pt x="4193" y="324"/>
                </a:lnTo>
                <a:lnTo>
                  <a:pt x="4248" y="243"/>
                </a:lnTo>
                <a:lnTo>
                  <a:pt x="4193" y="0"/>
                </a:lnTo>
                <a:lnTo>
                  <a:pt x="4579" y="81"/>
                </a:lnTo>
                <a:lnTo>
                  <a:pt x="4910" y="81"/>
                </a:lnTo>
                <a:lnTo>
                  <a:pt x="5296" y="162"/>
                </a:lnTo>
                <a:lnTo>
                  <a:pt x="5737" y="324"/>
                </a:lnTo>
                <a:lnTo>
                  <a:pt x="6123" y="324"/>
                </a:lnTo>
                <a:lnTo>
                  <a:pt x="6178" y="526"/>
                </a:lnTo>
                <a:lnTo>
                  <a:pt x="6509" y="607"/>
                </a:lnTo>
                <a:lnTo>
                  <a:pt x="6730" y="971"/>
                </a:lnTo>
                <a:lnTo>
                  <a:pt x="6896" y="1295"/>
                </a:lnTo>
                <a:lnTo>
                  <a:pt x="7227" y="1335"/>
                </a:lnTo>
                <a:lnTo>
                  <a:pt x="7447" y="1456"/>
                </a:lnTo>
                <a:lnTo>
                  <a:pt x="7944" y="1456"/>
                </a:lnTo>
                <a:lnTo>
                  <a:pt x="8109" y="1497"/>
                </a:lnTo>
                <a:lnTo>
                  <a:pt x="8495" y="1578"/>
                </a:lnTo>
                <a:lnTo>
                  <a:pt x="8771" y="1578"/>
                </a:lnTo>
                <a:lnTo>
                  <a:pt x="8937" y="1537"/>
                </a:lnTo>
                <a:lnTo>
                  <a:pt x="9268" y="1740"/>
                </a:lnTo>
                <a:lnTo>
                  <a:pt x="9709" y="1740"/>
                </a:lnTo>
                <a:lnTo>
                  <a:pt x="10040" y="1982"/>
                </a:lnTo>
                <a:lnTo>
                  <a:pt x="10426" y="1861"/>
                </a:lnTo>
                <a:lnTo>
                  <a:pt x="10647" y="1901"/>
                </a:lnTo>
                <a:lnTo>
                  <a:pt x="10812" y="1820"/>
                </a:lnTo>
                <a:lnTo>
                  <a:pt x="11254" y="1901"/>
                </a:lnTo>
                <a:lnTo>
                  <a:pt x="11640" y="2023"/>
                </a:lnTo>
                <a:lnTo>
                  <a:pt x="12026" y="2063"/>
                </a:lnTo>
                <a:lnTo>
                  <a:pt x="12302" y="2023"/>
                </a:lnTo>
                <a:lnTo>
                  <a:pt x="12467" y="2144"/>
                </a:lnTo>
                <a:lnTo>
                  <a:pt x="12688" y="2225"/>
                </a:lnTo>
                <a:lnTo>
                  <a:pt x="12909" y="2346"/>
                </a:lnTo>
                <a:lnTo>
                  <a:pt x="12688" y="3034"/>
                </a:lnTo>
                <a:lnTo>
                  <a:pt x="12688" y="3196"/>
                </a:lnTo>
                <a:lnTo>
                  <a:pt x="12743" y="3277"/>
                </a:lnTo>
                <a:lnTo>
                  <a:pt x="13019" y="3317"/>
                </a:lnTo>
                <a:lnTo>
                  <a:pt x="13460" y="3479"/>
                </a:lnTo>
                <a:lnTo>
                  <a:pt x="13957" y="3236"/>
                </a:lnTo>
                <a:lnTo>
                  <a:pt x="14233" y="3155"/>
                </a:lnTo>
                <a:lnTo>
                  <a:pt x="14619" y="3155"/>
                </a:lnTo>
                <a:lnTo>
                  <a:pt x="14564" y="3600"/>
                </a:lnTo>
                <a:lnTo>
                  <a:pt x="14674" y="3722"/>
                </a:lnTo>
                <a:lnTo>
                  <a:pt x="14839" y="3965"/>
                </a:lnTo>
                <a:lnTo>
                  <a:pt x="14895" y="4167"/>
                </a:lnTo>
                <a:lnTo>
                  <a:pt x="14839" y="4329"/>
                </a:lnTo>
                <a:lnTo>
                  <a:pt x="15060" y="4410"/>
                </a:lnTo>
                <a:lnTo>
                  <a:pt x="15226" y="4652"/>
                </a:lnTo>
                <a:lnTo>
                  <a:pt x="15501" y="5421"/>
                </a:lnTo>
                <a:lnTo>
                  <a:pt x="15777" y="5340"/>
                </a:lnTo>
                <a:lnTo>
                  <a:pt x="16384" y="6028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81" name="d14130">
            <a:extLst>
              <a:ext uri="{FF2B5EF4-FFF2-40B4-BE49-F238E27FC236}">
                <a16:creationId xmlns:a16="http://schemas.microsoft.com/office/drawing/2014/main" id="{00000000-0008-0000-0200-000051000000}"/>
              </a:ext>
            </a:extLst>
          </xdr:cNvPr>
          <xdr:cNvSpPr>
            <a:spLocks/>
          </xdr:cNvSpPr>
        </xdr:nvSpPr>
        <xdr:spPr bwMode="auto">
          <a:xfrm>
            <a:off x="6172200" y="2019300"/>
            <a:ext cx="3876675" cy="20955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w 16384"/>
              <a:gd name="T145" fmla="*/ 0 h 16384"/>
              <a:gd name="T146" fmla="*/ 16384 w 16384"/>
              <a:gd name="T147" fmla="*/ 16384 h 16384"/>
            </a:gdLst>
            <a:ahLst/>
            <a:cxnLst>
              <a:cxn ang="T96">
                <a:pos x="T0" y="T1"/>
              </a:cxn>
              <a:cxn ang="T97">
                <a:pos x="T2" y="T3"/>
              </a:cxn>
              <a:cxn ang="T98">
                <a:pos x="T4" y="T5"/>
              </a:cxn>
              <a:cxn ang="T99">
                <a:pos x="T6" y="T7"/>
              </a:cxn>
              <a:cxn ang="T100">
                <a:pos x="T8" y="T9"/>
              </a:cxn>
              <a:cxn ang="T101">
                <a:pos x="T10" y="T11"/>
              </a:cxn>
              <a:cxn ang="T102">
                <a:pos x="T12" y="T13"/>
              </a:cxn>
              <a:cxn ang="T103">
                <a:pos x="T14" y="T15"/>
              </a:cxn>
              <a:cxn ang="T104">
                <a:pos x="T16" y="T17"/>
              </a:cxn>
              <a:cxn ang="T105">
                <a:pos x="T18" y="T19"/>
              </a:cxn>
              <a:cxn ang="T106">
                <a:pos x="T20" y="T21"/>
              </a:cxn>
              <a:cxn ang="T107">
                <a:pos x="T22" y="T23"/>
              </a:cxn>
              <a:cxn ang="T108">
                <a:pos x="T24" y="T25"/>
              </a:cxn>
              <a:cxn ang="T109">
                <a:pos x="T26" y="T27"/>
              </a:cxn>
              <a:cxn ang="T110">
                <a:pos x="T28" y="T29"/>
              </a:cxn>
              <a:cxn ang="T111">
                <a:pos x="T30" y="T31"/>
              </a:cxn>
              <a:cxn ang="T112">
                <a:pos x="T32" y="T33"/>
              </a:cxn>
              <a:cxn ang="T113">
                <a:pos x="T34" y="T35"/>
              </a:cxn>
              <a:cxn ang="T114">
                <a:pos x="T36" y="T37"/>
              </a:cxn>
              <a:cxn ang="T115">
                <a:pos x="T38" y="T39"/>
              </a:cxn>
              <a:cxn ang="T116">
                <a:pos x="T40" y="T41"/>
              </a:cxn>
              <a:cxn ang="T117">
                <a:pos x="T42" y="T43"/>
              </a:cxn>
              <a:cxn ang="T118">
                <a:pos x="T44" y="T45"/>
              </a:cxn>
              <a:cxn ang="T119">
                <a:pos x="T46" y="T47"/>
              </a:cxn>
              <a:cxn ang="T120">
                <a:pos x="T48" y="T49"/>
              </a:cxn>
              <a:cxn ang="T121">
                <a:pos x="T50" y="T51"/>
              </a:cxn>
              <a:cxn ang="T122">
                <a:pos x="T52" y="T53"/>
              </a:cxn>
              <a:cxn ang="T123">
                <a:pos x="T54" y="T55"/>
              </a:cxn>
              <a:cxn ang="T124">
                <a:pos x="T56" y="T57"/>
              </a:cxn>
              <a:cxn ang="T125">
                <a:pos x="T58" y="T59"/>
              </a:cxn>
              <a:cxn ang="T126">
                <a:pos x="T60" y="T61"/>
              </a:cxn>
              <a:cxn ang="T127">
                <a:pos x="T62" y="T63"/>
              </a:cxn>
              <a:cxn ang="T128">
                <a:pos x="T64" y="T65"/>
              </a:cxn>
              <a:cxn ang="T129">
                <a:pos x="T66" y="T67"/>
              </a:cxn>
              <a:cxn ang="T130">
                <a:pos x="T68" y="T69"/>
              </a:cxn>
              <a:cxn ang="T131">
                <a:pos x="T70" y="T71"/>
              </a:cxn>
              <a:cxn ang="T132">
                <a:pos x="T72" y="T73"/>
              </a:cxn>
              <a:cxn ang="T133">
                <a:pos x="T74" y="T75"/>
              </a:cxn>
              <a:cxn ang="T134">
                <a:pos x="T76" y="T77"/>
              </a:cxn>
              <a:cxn ang="T135">
                <a:pos x="T78" y="T79"/>
              </a:cxn>
              <a:cxn ang="T136">
                <a:pos x="T80" y="T81"/>
              </a:cxn>
              <a:cxn ang="T137">
                <a:pos x="T82" y="T83"/>
              </a:cxn>
              <a:cxn ang="T138">
                <a:pos x="T84" y="T85"/>
              </a:cxn>
              <a:cxn ang="T139">
                <a:pos x="T86" y="T87"/>
              </a:cxn>
              <a:cxn ang="T140">
                <a:pos x="T88" y="T89"/>
              </a:cxn>
              <a:cxn ang="T141">
                <a:pos x="T90" y="T91"/>
              </a:cxn>
              <a:cxn ang="T142">
                <a:pos x="T92" y="T93"/>
              </a:cxn>
              <a:cxn ang="T143">
                <a:pos x="T94" y="T95"/>
              </a:cxn>
            </a:cxnLst>
            <a:rect l="T144" t="T145" r="T146" b="T147"/>
            <a:pathLst>
              <a:path w="16384" h="16384">
                <a:moveTo>
                  <a:pt x="14371" y="10650"/>
                </a:moveTo>
                <a:lnTo>
                  <a:pt x="15780" y="11841"/>
                </a:lnTo>
                <a:lnTo>
                  <a:pt x="16183" y="12362"/>
                </a:lnTo>
                <a:lnTo>
                  <a:pt x="16384" y="12958"/>
                </a:lnTo>
                <a:lnTo>
                  <a:pt x="15659" y="14373"/>
                </a:lnTo>
                <a:lnTo>
                  <a:pt x="15257" y="13331"/>
                </a:lnTo>
                <a:lnTo>
                  <a:pt x="15378" y="12958"/>
                </a:lnTo>
                <a:lnTo>
                  <a:pt x="15176" y="13033"/>
                </a:lnTo>
                <a:lnTo>
                  <a:pt x="15015" y="12288"/>
                </a:lnTo>
                <a:lnTo>
                  <a:pt x="14814" y="12214"/>
                </a:lnTo>
                <a:lnTo>
                  <a:pt x="14854" y="12586"/>
                </a:lnTo>
                <a:lnTo>
                  <a:pt x="15217" y="14075"/>
                </a:lnTo>
                <a:lnTo>
                  <a:pt x="14532" y="14522"/>
                </a:lnTo>
                <a:lnTo>
                  <a:pt x="14411" y="13480"/>
                </a:lnTo>
                <a:lnTo>
                  <a:pt x="14291" y="13554"/>
                </a:lnTo>
                <a:lnTo>
                  <a:pt x="14452" y="14597"/>
                </a:lnTo>
                <a:lnTo>
                  <a:pt x="13606" y="15341"/>
                </a:lnTo>
                <a:lnTo>
                  <a:pt x="13606" y="13777"/>
                </a:lnTo>
                <a:lnTo>
                  <a:pt x="13486" y="13777"/>
                </a:lnTo>
                <a:lnTo>
                  <a:pt x="13526" y="15490"/>
                </a:lnTo>
                <a:lnTo>
                  <a:pt x="13003" y="16012"/>
                </a:lnTo>
                <a:lnTo>
                  <a:pt x="12680" y="15043"/>
                </a:lnTo>
                <a:lnTo>
                  <a:pt x="12560" y="15118"/>
                </a:lnTo>
                <a:lnTo>
                  <a:pt x="12680" y="15639"/>
                </a:lnTo>
                <a:lnTo>
                  <a:pt x="12842" y="16235"/>
                </a:lnTo>
                <a:lnTo>
                  <a:pt x="12600" y="16384"/>
                </a:lnTo>
                <a:lnTo>
                  <a:pt x="12157" y="15118"/>
                </a:lnTo>
                <a:lnTo>
                  <a:pt x="11956" y="15267"/>
                </a:lnTo>
                <a:lnTo>
                  <a:pt x="11755" y="13852"/>
                </a:lnTo>
                <a:lnTo>
                  <a:pt x="11634" y="13405"/>
                </a:lnTo>
                <a:lnTo>
                  <a:pt x="11473" y="13256"/>
                </a:lnTo>
                <a:lnTo>
                  <a:pt x="11513" y="12958"/>
                </a:lnTo>
                <a:lnTo>
                  <a:pt x="11473" y="12586"/>
                </a:lnTo>
                <a:lnTo>
                  <a:pt x="11352" y="12139"/>
                </a:lnTo>
                <a:lnTo>
                  <a:pt x="11272" y="11916"/>
                </a:lnTo>
                <a:lnTo>
                  <a:pt x="11312" y="11096"/>
                </a:lnTo>
                <a:lnTo>
                  <a:pt x="11030" y="11096"/>
                </a:lnTo>
                <a:lnTo>
                  <a:pt x="10829" y="11245"/>
                </a:lnTo>
                <a:lnTo>
                  <a:pt x="10466" y="11692"/>
                </a:lnTo>
                <a:lnTo>
                  <a:pt x="10144" y="11394"/>
                </a:lnTo>
                <a:lnTo>
                  <a:pt x="9943" y="11320"/>
                </a:lnTo>
                <a:lnTo>
                  <a:pt x="9903" y="11171"/>
                </a:lnTo>
                <a:lnTo>
                  <a:pt x="9903" y="10873"/>
                </a:lnTo>
                <a:lnTo>
                  <a:pt x="10064" y="9607"/>
                </a:lnTo>
                <a:lnTo>
                  <a:pt x="9903" y="9384"/>
                </a:lnTo>
                <a:lnTo>
                  <a:pt x="9742" y="9235"/>
                </a:lnTo>
                <a:lnTo>
                  <a:pt x="9621" y="9011"/>
                </a:lnTo>
                <a:lnTo>
                  <a:pt x="9420" y="9086"/>
                </a:lnTo>
                <a:lnTo>
                  <a:pt x="9138" y="9011"/>
                </a:lnTo>
                <a:lnTo>
                  <a:pt x="8856" y="8788"/>
                </a:lnTo>
                <a:lnTo>
                  <a:pt x="8534" y="8639"/>
                </a:lnTo>
                <a:lnTo>
                  <a:pt x="8413" y="8788"/>
                </a:lnTo>
                <a:lnTo>
                  <a:pt x="8252" y="8713"/>
                </a:lnTo>
                <a:lnTo>
                  <a:pt x="7971" y="8937"/>
                </a:lnTo>
                <a:lnTo>
                  <a:pt x="7729" y="8490"/>
                </a:lnTo>
                <a:lnTo>
                  <a:pt x="7407" y="8490"/>
                </a:lnTo>
                <a:lnTo>
                  <a:pt x="7165" y="8118"/>
                </a:lnTo>
                <a:lnTo>
                  <a:pt x="7045" y="8192"/>
                </a:lnTo>
                <a:lnTo>
                  <a:pt x="6843" y="8192"/>
                </a:lnTo>
                <a:lnTo>
                  <a:pt x="6562" y="8043"/>
                </a:lnTo>
                <a:lnTo>
                  <a:pt x="6441" y="7969"/>
                </a:lnTo>
                <a:lnTo>
                  <a:pt x="6079" y="7969"/>
                </a:lnTo>
                <a:lnTo>
                  <a:pt x="5918" y="7745"/>
                </a:lnTo>
                <a:lnTo>
                  <a:pt x="5676" y="7671"/>
                </a:lnTo>
                <a:lnTo>
                  <a:pt x="5555" y="7075"/>
                </a:lnTo>
                <a:lnTo>
                  <a:pt x="5394" y="6405"/>
                </a:lnTo>
                <a:lnTo>
                  <a:pt x="5153" y="6256"/>
                </a:lnTo>
                <a:lnTo>
                  <a:pt x="5112" y="5883"/>
                </a:lnTo>
                <a:lnTo>
                  <a:pt x="4831" y="5883"/>
                </a:lnTo>
                <a:lnTo>
                  <a:pt x="4509" y="5585"/>
                </a:lnTo>
                <a:lnTo>
                  <a:pt x="4227" y="5437"/>
                </a:lnTo>
                <a:lnTo>
                  <a:pt x="3985" y="5437"/>
                </a:lnTo>
                <a:lnTo>
                  <a:pt x="3704" y="5288"/>
                </a:lnTo>
                <a:lnTo>
                  <a:pt x="3744" y="5734"/>
                </a:lnTo>
                <a:lnTo>
                  <a:pt x="3704" y="5883"/>
                </a:lnTo>
                <a:lnTo>
                  <a:pt x="3784" y="6181"/>
                </a:lnTo>
                <a:lnTo>
                  <a:pt x="3784" y="6479"/>
                </a:lnTo>
                <a:lnTo>
                  <a:pt x="3744" y="6628"/>
                </a:lnTo>
                <a:lnTo>
                  <a:pt x="3502" y="6554"/>
                </a:lnTo>
                <a:lnTo>
                  <a:pt x="3583" y="6703"/>
                </a:lnTo>
                <a:lnTo>
                  <a:pt x="3704" y="7075"/>
                </a:lnTo>
                <a:lnTo>
                  <a:pt x="3623" y="7149"/>
                </a:lnTo>
                <a:lnTo>
                  <a:pt x="3704" y="7224"/>
                </a:lnTo>
                <a:lnTo>
                  <a:pt x="3422" y="7745"/>
                </a:lnTo>
                <a:lnTo>
                  <a:pt x="3261" y="7820"/>
                </a:lnTo>
                <a:lnTo>
                  <a:pt x="3019" y="8118"/>
                </a:lnTo>
                <a:lnTo>
                  <a:pt x="2979" y="8118"/>
                </a:lnTo>
                <a:lnTo>
                  <a:pt x="2979" y="7820"/>
                </a:lnTo>
                <a:lnTo>
                  <a:pt x="2898" y="7745"/>
                </a:lnTo>
                <a:lnTo>
                  <a:pt x="2858" y="7671"/>
                </a:lnTo>
                <a:lnTo>
                  <a:pt x="2818" y="7447"/>
                </a:lnTo>
                <a:lnTo>
                  <a:pt x="2737" y="7298"/>
                </a:lnTo>
                <a:lnTo>
                  <a:pt x="2335" y="6554"/>
                </a:lnTo>
                <a:lnTo>
                  <a:pt x="2214" y="6330"/>
                </a:lnTo>
                <a:lnTo>
                  <a:pt x="2134" y="5734"/>
                </a:lnTo>
                <a:lnTo>
                  <a:pt x="1973" y="5734"/>
                </a:lnTo>
                <a:lnTo>
                  <a:pt x="1771" y="5437"/>
                </a:lnTo>
                <a:lnTo>
                  <a:pt x="1691" y="5213"/>
                </a:lnTo>
                <a:lnTo>
                  <a:pt x="1570" y="5288"/>
                </a:lnTo>
                <a:lnTo>
                  <a:pt x="1570" y="5064"/>
                </a:lnTo>
                <a:lnTo>
                  <a:pt x="1449" y="4990"/>
                </a:lnTo>
                <a:lnTo>
                  <a:pt x="1409" y="4617"/>
                </a:lnTo>
                <a:lnTo>
                  <a:pt x="1208" y="4617"/>
                </a:lnTo>
                <a:lnTo>
                  <a:pt x="926" y="3947"/>
                </a:lnTo>
                <a:lnTo>
                  <a:pt x="805" y="3873"/>
                </a:lnTo>
                <a:lnTo>
                  <a:pt x="845" y="3500"/>
                </a:lnTo>
                <a:lnTo>
                  <a:pt x="725" y="3500"/>
                </a:lnTo>
                <a:lnTo>
                  <a:pt x="282" y="4022"/>
                </a:lnTo>
                <a:lnTo>
                  <a:pt x="161" y="4022"/>
                </a:lnTo>
                <a:lnTo>
                  <a:pt x="161" y="3575"/>
                </a:lnTo>
                <a:lnTo>
                  <a:pt x="0" y="3202"/>
                </a:lnTo>
                <a:lnTo>
                  <a:pt x="40" y="3053"/>
                </a:lnTo>
                <a:lnTo>
                  <a:pt x="161" y="2755"/>
                </a:lnTo>
                <a:lnTo>
                  <a:pt x="201" y="2532"/>
                </a:lnTo>
                <a:lnTo>
                  <a:pt x="362" y="2458"/>
                </a:lnTo>
                <a:lnTo>
                  <a:pt x="523" y="2160"/>
                </a:lnTo>
                <a:lnTo>
                  <a:pt x="604" y="1787"/>
                </a:lnTo>
                <a:lnTo>
                  <a:pt x="805" y="1862"/>
                </a:lnTo>
                <a:lnTo>
                  <a:pt x="845" y="2309"/>
                </a:lnTo>
                <a:lnTo>
                  <a:pt x="1047" y="2383"/>
                </a:lnTo>
                <a:lnTo>
                  <a:pt x="1328" y="2383"/>
                </a:lnTo>
                <a:lnTo>
                  <a:pt x="1409" y="2607"/>
                </a:lnTo>
                <a:lnTo>
                  <a:pt x="1328" y="3053"/>
                </a:lnTo>
                <a:lnTo>
                  <a:pt x="1530" y="3202"/>
                </a:lnTo>
                <a:lnTo>
                  <a:pt x="1650" y="3500"/>
                </a:lnTo>
                <a:lnTo>
                  <a:pt x="1811" y="3649"/>
                </a:lnTo>
                <a:lnTo>
                  <a:pt x="2013" y="3947"/>
                </a:lnTo>
                <a:lnTo>
                  <a:pt x="2214" y="3947"/>
                </a:lnTo>
                <a:lnTo>
                  <a:pt x="2415" y="3947"/>
                </a:lnTo>
                <a:lnTo>
                  <a:pt x="2415" y="3798"/>
                </a:lnTo>
                <a:lnTo>
                  <a:pt x="2295" y="3426"/>
                </a:lnTo>
                <a:lnTo>
                  <a:pt x="2214" y="3128"/>
                </a:lnTo>
                <a:lnTo>
                  <a:pt x="2214" y="2755"/>
                </a:lnTo>
                <a:lnTo>
                  <a:pt x="2254" y="2607"/>
                </a:lnTo>
                <a:lnTo>
                  <a:pt x="2496" y="2458"/>
                </a:lnTo>
                <a:lnTo>
                  <a:pt x="2576" y="2160"/>
                </a:lnTo>
                <a:lnTo>
                  <a:pt x="2697" y="1936"/>
                </a:lnTo>
                <a:lnTo>
                  <a:pt x="3019" y="1862"/>
                </a:lnTo>
                <a:lnTo>
                  <a:pt x="3140" y="1787"/>
                </a:lnTo>
                <a:lnTo>
                  <a:pt x="3220" y="1415"/>
                </a:lnTo>
                <a:lnTo>
                  <a:pt x="3341" y="1192"/>
                </a:lnTo>
                <a:lnTo>
                  <a:pt x="3583" y="1043"/>
                </a:lnTo>
                <a:lnTo>
                  <a:pt x="3502" y="521"/>
                </a:lnTo>
                <a:lnTo>
                  <a:pt x="3583" y="298"/>
                </a:lnTo>
                <a:lnTo>
                  <a:pt x="3663" y="0"/>
                </a:lnTo>
                <a:lnTo>
                  <a:pt x="4066" y="149"/>
                </a:lnTo>
                <a:lnTo>
                  <a:pt x="4428" y="372"/>
                </a:lnTo>
                <a:lnTo>
                  <a:pt x="4871" y="819"/>
                </a:lnTo>
                <a:lnTo>
                  <a:pt x="5193" y="819"/>
                </a:lnTo>
                <a:lnTo>
                  <a:pt x="5475" y="819"/>
                </a:lnTo>
                <a:lnTo>
                  <a:pt x="5636" y="1043"/>
                </a:lnTo>
                <a:lnTo>
                  <a:pt x="5797" y="1787"/>
                </a:lnTo>
                <a:lnTo>
                  <a:pt x="6159" y="2160"/>
                </a:lnTo>
                <a:lnTo>
                  <a:pt x="6481" y="2234"/>
                </a:lnTo>
                <a:lnTo>
                  <a:pt x="6642" y="2532"/>
                </a:lnTo>
                <a:lnTo>
                  <a:pt x="7004" y="2681"/>
                </a:lnTo>
                <a:lnTo>
                  <a:pt x="7407" y="2904"/>
                </a:lnTo>
                <a:lnTo>
                  <a:pt x="7769" y="2979"/>
                </a:lnTo>
                <a:lnTo>
                  <a:pt x="7850" y="2979"/>
                </a:lnTo>
                <a:lnTo>
                  <a:pt x="8091" y="3128"/>
                </a:lnTo>
                <a:lnTo>
                  <a:pt x="8373" y="3426"/>
                </a:lnTo>
                <a:lnTo>
                  <a:pt x="8695" y="3798"/>
                </a:lnTo>
                <a:lnTo>
                  <a:pt x="9017" y="4319"/>
                </a:lnTo>
                <a:lnTo>
                  <a:pt x="9339" y="4692"/>
                </a:lnTo>
                <a:lnTo>
                  <a:pt x="9500" y="5064"/>
                </a:lnTo>
                <a:lnTo>
                  <a:pt x="9702" y="5139"/>
                </a:lnTo>
                <a:lnTo>
                  <a:pt x="9822" y="5585"/>
                </a:lnTo>
                <a:lnTo>
                  <a:pt x="10265" y="5734"/>
                </a:lnTo>
                <a:lnTo>
                  <a:pt x="10466" y="5958"/>
                </a:lnTo>
                <a:lnTo>
                  <a:pt x="10627" y="6405"/>
                </a:lnTo>
                <a:lnTo>
                  <a:pt x="10748" y="6777"/>
                </a:lnTo>
                <a:lnTo>
                  <a:pt x="10829" y="7447"/>
                </a:lnTo>
                <a:lnTo>
                  <a:pt x="10909" y="8192"/>
                </a:lnTo>
                <a:lnTo>
                  <a:pt x="11111" y="8788"/>
                </a:lnTo>
                <a:lnTo>
                  <a:pt x="11352" y="9086"/>
                </a:lnTo>
                <a:lnTo>
                  <a:pt x="11513" y="9160"/>
                </a:lnTo>
                <a:lnTo>
                  <a:pt x="11795" y="9309"/>
                </a:lnTo>
                <a:lnTo>
                  <a:pt x="12036" y="9458"/>
                </a:lnTo>
                <a:lnTo>
                  <a:pt x="12157" y="9607"/>
                </a:lnTo>
                <a:lnTo>
                  <a:pt x="12197" y="9905"/>
                </a:lnTo>
                <a:lnTo>
                  <a:pt x="12077" y="10352"/>
                </a:lnTo>
                <a:lnTo>
                  <a:pt x="11916" y="10873"/>
                </a:lnTo>
                <a:lnTo>
                  <a:pt x="11956" y="11096"/>
                </a:lnTo>
                <a:lnTo>
                  <a:pt x="11916" y="11320"/>
                </a:lnTo>
                <a:lnTo>
                  <a:pt x="12358" y="11543"/>
                </a:lnTo>
                <a:lnTo>
                  <a:pt x="12680" y="11469"/>
                </a:lnTo>
                <a:lnTo>
                  <a:pt x="12922" y="11171"/>
                </a:lnTo>
                <a:lnTo>
                  <a:pt x="13204" y="10873"/>
                </a:lnTo>
                <a:lnTo>
                  <a:pt x="13566" y="10873"/>
                </a:lnTo>
                <a:lnTo>
                  <a:pt x="13848" y="10873"/>
                </a:lnTo>
                <a:lnTo>
                  <a:pt x="14089" y="10799"/>
                </a:lnTo>
                <a:lnTo>
                  <a:pt x="14371" y="10650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71"/>
  <sheetViews>
    <sheetView zoomScaleNormal="100" zoomScaleSheetLayoutView="100" workbookViewId="0">
      <selection activeCell="N22" sqref="N22"/>
    </sheetView>
  </sheetViews>
  <sheetFormatPr defaultColWidth="9" defaultRowHeight="15.95" customHeight="1"/>
  <cols>
    <col min="1" max="1" width="17.625" style="64" customWidth="1"/>
    <col min="2" max="2" width="17.625" style="2" customWidth="1"/>
    <col min="3" max="3" width="12.125" style="9" customWidth="1"/>
    <col min="4" max="4" width="5.125" style="5" customWidth="1"/>
    <col min="5" max="5" width="12.125" style="7" customWidth="1"/>
    <col min="6" max="6" width="8.625" style="10" customWidth="1"/>
    <col min="7" max="7" width="13.125" style="7" customWidth="1"/>
    <col min="8" max="8" width="5.125" style="7" customWidth="1"/>
    <col min="9" max="16384" width="9" style="7"/>
  </cols>
  <sheetData>
    <row r="1" spans="1:8" ht="16.5" customHeight="1">
      <c r="A1" s="1" t="s">
        <v>0</v>
      </c>
      <c r="C1" s="3"/>
      <c r="D1" s="4"/>
      <c r="E1" s="5"/>
      <c r="F1" s="6"/>
      <c r="G1" s="5"/>
      <c r="H1" s="5"/>
    </row>
    <row r="2" spans="1:8" ht="9" customHeight="1">
      <c r="A2" s="1"/>
      <c r="C2" s="3"/>
      <c r="D2" s="4"/>
      <c r="E2" s="5"/>
      <c r="F2" s="6"/>
      <c r="G2" s="5"/>
      <c r="H2" s="5"/>
    </row>
    <row r="3" spans="1:8" ht="16.5" customHeight="1" thickBot="1">
      <c r="A3" s="8" t="s">
        <v>1</v>
      </c>
      <c r="H3" s="11" t="s">
        <v>287</v>
      </c>
    </row>
    <row r="4" spans="1:8" s="14" customFormat="1" ht="18.75" customHeight="1">
      <c r="A4" s="12"/>
      <c r="B4" s="13"/>
      <c r="C4" s="443" t="s">
        <v>2</v>
      </c>
      <c r="D4" s="444"/>
      <c r="E4" s="449" t="s">
        <v>3</v>
      </c>
      <c r="F4" s="450"/>
      <c r="G4" s="455" t="s">
        <v>4</v>
      </c>
      <c r="H4" s="456"/>
    </row>
    <row r="5" spans="1:8" s="14" customFormat="1" ht="18.75" customHeight="1">
      <c r="A5" s="15" t="s">
        <v>5</v>
      </c>
      <c r="B5" s="16" t="s">
        <v>6</v>
      </c>
      <c r="C5" s="445"/>
      <c r="D5" s="446"/>
      <c r="E5" s="451"/>
      <c r="F5" s="452"/>
      <c r="G5" s="457"/>
      <c r="H5" s="458"/>
    </row>
    <row r="6" spans="1:8" s="19" customFormat="1" ht="18.75" customHeight="1" thickBot="1">
      <c r="A6" s="17"/>
      <c r="B6" s="18"/>
      <c r="C6" s="447"/>
      <c r="D6" s="448"/>
      <c r="E6" s="453"/>
      <c r="F6" s="454"/>
      <c r="G6" s="459"/>
      <c r="H6" s="460"/>
    </row>
    <row r="7" spans="1:8" ht="18.75" customHeight="1">
      <c r="A7" s="20" t="s">
        <v>7</v>
      </c>
      <c r="B7" s="432" t="s">
        <v>8</v>
      </c>
      <c r="C7" s="21">
        <v>438.23</v>
      </c>
      <c r="D7" s="22"/>
      <c r="E7" s="23">
        <v>3771063</v>
      </c>
      <c r="F7" s="24"/>
      <c r="G7" s="23">
        <v>1817762</v>
      </c>
      <c r="H7" s="25"/>
    </row>
    <row r="8" spans="1:8" ht="18.75" customHeight="1">
      <c r="A8" s="26" t="s">
        <v>11</v>
      </c>
      <c r="B8" s="431" t="s">
        <v>12</v>
      </c>
      <c r="C8" s="27">
        <v>142.96</v>
      </c>
      <c r="D8" s="28"/>
      <c r="E8" s="29">
        <v>1551788</v>
      </c>
      <c r="F8" s="30"/>
      <c r="G8" s="29">
        <v>784086</v>
      </c>
      <c r="H8" s="31"/>
    </row>
    <row r="9" spans="1:8" ht="18.75" customHeight="1">
      <c r="A9" s="26" t="s">
        <v>13</v>
      </c>
      <c r="B9" s="431" t="s">
        <v>14</v>
      </c>
      <c r="C9" s="32">
        <v>328.91</v>
      </c>
      <c r="E9" s="33">
        <v>723586</v>
      </c>
      <c r="F9" s="6"/>
      <c r="G9" s="33">
        <v>348216</v>
      </c>
      <c r="H9" s="31"/>
    </row>
    <row r="10" spans="1:8" ht="18.75" customHeight="1">
      <c r="A10" s="26" t="s">
        <v>15</v>
      </c>
      <c r="B10" s="431" t="s">
        <v>16</v>
      </c>
      <c r="C10" s="27">
        <v>100.81</v>
      </c>
      <c r="D10" s="28"/>
      <c r="E10" s="29">
        <v>371241</v>
      </c>
      <c r="F10" s="30"/>
      <c r="G10" s="29">
        <v>166218</v>
      </c>
      <c r="H10" s="31"/>
    </row>
    <row r="11" spans="1:8" ht="18.75" customHeight="1" thickBot="1">
      <c r="A11" s="34" t="s">
        <v>17</v>
      </c>
      <c r="B11" s="434" t="s">
        <v>18</v>
      </c>
      <c r="C11" s="35">
        <v>67.83</v>
      </c>
      <c r="D11" s="36"/>
      <c r="E11" s="37">
        <v>258380</v>
      </c>
      <c r="F11" s="38"/>
      <c r="G11" s="37">
        <v>118294</v>
      </c>
      <c r="H11" s="39"/>
    </row>
    <row r="12" spans="1:8" ht="18.75" customHeight="1">
      <c r="A12" s="20" t="s">
        <v>19</v>
      </c>
      <c r="B12" s="433" t="s">
        <v>20</v>
      </c>
      <c r="C12" s="21">
        <v>39.659999999999997</v>
      </c>
      <c r="D12" s="22"/>
      <c r="E12" s="23">
        <v>170206</v>
      </c>
      <c r="F12" s="24"/>
      <c r="G12" s="23">
        <v>77173</v>
      </c>
      <c r="H12" s="40"/>
    </row>
    <row r="13" spans="1:8" ht="18.75" customHeight="1">
      <c r="A13" s="26" t="s">
        <v>21</v>
      </c>
      <c r="B13" s="431" t="s">
        <v>22</v>
      </c>
      <c r="C13" s="27">
        <v>69.56</v>
      </c>
      <c r="D13" s="41"/>
      <c r="E13" s="29">
        <v>443757</v>
      </c>
      <c r="F13" s="30"/>
      <c r="G13" s="29">
        <v>203926</v>
      </c>
      <c r="H13" s="31"/>
    </row>
    <row r="14" spans="1:8" ht="18.75" customHeight="1">
      <c r="A14" s="26" t="s">
        <v>23</v>
      </c>
      <c r="B14" s="431" t="s">
        <v>24</v>
      </c>
      <c r="C14" s="27">
        <v>113.6</v>
      </c>
      <c r="E14" s="29">
        <v>185926</v>
      </c>
      <c r="F14" s="6"/>
      <c r="G14" s="29">
        <v>85682</v>
      </c>
      <c r="H14" s="31"/>
    </row>
    <row r="15" spans="1:8" ht="18.75" customHeight="1">
      <c r="A15" s="26" t="s">
        <v>25</v>
      </c>
      <c r="B15" s="431" t="s">
        <v>26</v>
      </c>
      <c r="C15" s="27">
        <v>35.700000000000003</v>
      </c>
      <c r="D15" s="41"/>
      <c r="E15" s="29">
        <v>245419</v>
      </c>
      <c r="F15" s="42"/>
      <c r="G15" s="29">
        <v>108203</v>
      </c>
      <c r="H15" s="31"/>
    </row>
    <row r="16" spans="1:8" ht="18.75" customHeight="1" thickBot="1">
      <c r="A16" s="34" t="s">
        <v>27</v>
      </c>
      <c r="B16" s="434" t="s">
        <v>279</v>
      </c>
      <c r="C16" s="35">
        <v>17.28</v>
      </c>
      <c r="D16" s="43"/>
      <c r="E16" s="37">
        <v>58488</v>
      </c>
      <c r="F16" s="44">
        <v>3000</v>
      </c>
      <c r="G16" s="37">
        <v>25073</v>
      </c>
      <c r="H16" s="39"/>
    </row>
    <row r="17" spans="1:8" ht="18.75" customHeight="1">
      <c r="A17" s="20" t="s">
        <v>28</v>
      </c>
      <c r="B17" s="433" t="s">
        <v>29</v>
      </c>
      <c r="C17" s="21">
        <v>32.049999999999997</v>
      </c>
      <c r="D17" s="22"/>
      <c r="E17" s="23">
        <v>39547</v>
      </c>
      <c r="F17" s="24"/>
      <c r="G17" s="23">
        <v>17079</v>
      </c>
      <c r="H17" s="40"/>
    </row>
    <row r="18" spans="1:8" ht="18.75" customHeight="1">
      <c r="A18" s="26" t="s">
        <v>30</v>
      </c>
      <c r="B18" s="431" t="s">
        <v>31</v>
      </c>
      <c r="C18" s="27">
        <v>103.76</v>
      </c>
      <c r="D18" s="41"/>
      <c r="E18" s="29">
        <v>160656</v>
      </c>
      <c r="F18" s="30"/>
      <c r="G18" s="29">
        <v>73527</v>
      </c>
      <c r="H18" s="31"/>
    </row>
    <row r="19" spans="1:8" ht="18.75" customHeight="1">
      <c r="A19" s="26" t="s">
        <v>32</v>
      </c>
      <c r="B19" s="431" t="s">
        <v>33</v>
      </c>
      <c r="C19" s="45">
        <v>93.83</v>
      </c>
      <c r="E19" s="46">
        <v>223704</v>
      </c>
      <c r="F19" s="6"/>
      <c r="G19" s="46">
        <v>106153</v>
      </c>
      <c r="H19" s="31"/>
    </row>
    <row r="20" spans="1:8" ht="18.75" customHeight="1">
      <c r="A20" s="26" t="s">
        <v>34</v>
      </c>
      <c r="B20" s="431" t="s">
        <v>35</v>
      </c>
      <c r="C20" s="27">
        <v>27.09</v>
      </c>
      <c r="D20" s="41"/>
      <c r="E20" s="29">
        <v>244113</v>
      </c>
      <c r="F20" s="30"/>
      <c r="G20" s="29">
        <v>116978</v>
      </c>
      <c r="H20" s="31"/>
    </row>
    <row r="21" spans="1:8" ht="18.75" customHeight="1" thickBot="1">
      <c r="A21" s="34" t="s">
        <v>36</v>
      </c>
      <c r="B21" s="434" t="s">
        <v>37</v>
      </c>
      <c r="C21" s="35">
        <v>55.56</v>
      </c>
      <c r="D21" s="43"/>
      <c r="E21" s="37">
        <v>101284</v>
      </c>
      <c r="F21" s="38"/>
      <c r="G21" s="37">
        <v>47628</v>
      </c>
      <c r="H21" s="39"/>
    </row>
    <row r="22" spans="1:8" ht="18.75" customHeight="1">
      <c r="A22" s="20" t="s">
        <v>38</v>
      </c>
      <c r="B22" s="433" t="s">
        <v>39</v>
      </c>
      <c r="C22" s="21">
        <v>26.59</v>
      </c>
      <c r="D22" s="22"/>
      <c r="E22" s="23">
        <v>141276</v>
      </c>
      <c r="F22" s="24"/>
      <c r="G22" s="23">
        <v>63043</v>
      </c>
      <c r="H22" s="40"/>
    </row>
    <row r="23" spans="1:8" ht="18.75" customHeight="1">
      <c r="A23" s="26" t="s">
        <v>40</v>
      </c>
      <c r="B23" s="431">
        <v>14216</v>
      </c>
      <c r="C23" s="27">
        <v>17.57</v>
      </c>
      <c r="D23" s="41"/>
      <c r="E23" s="29">
        <v>131838</v>
      </c>
      <c r="F23" s="30"/>
      <c r="G23" s="29">
        <v>62696</v>
      </c>
      <c r="H23" s="31"/>
    </row>
    <row r="24" spans="1:8" ht="18.75" customHeight="1">
      <c r="A24" s="26" t="s">
        <v>41</v>
      </c>
      <c r="B24" s="431" t="s">
        <v>42</v>
      </c>
      <c r="C24" s="45">
        <v>77.12</v>
      </c>
      <c r="D24" s="41"/>
      <c r="E24" s="46">
        <v>39358</v>
      </c>
      <c r="F24" s="30"/>
      <c r="G24" s="46">
        <v>16680</v>
      </c>
      <c r="H24" s="31"/>
    </row>
    <row r="25" spans="1:8" ht="18.75" customHeight="1" thickBot="1">
      <c r="A25" s="47" t="s">
        <v>43</v>
      </c>
      <c r="B25" s="434" t="s">
        <v>44</v>
      </c>
      <c r="C25" s="35">
        <v>22.14</v>
      </c>
      <c r="D25" s="48"/>
      <c r="E25" s="37">
        <v>82830</v>
      </c>
      <c r="F25" s="38"/>
      <c r="G25" s="37">
        <v>36064</v>
      </c>
      <c r="H25" s="39"/>
    </row>
    <row r="26" spans="1:8" ht="18.75" customHeight="1" thickBot="1">
      <c r="A26" s="49" t="s">
        <v>45</v>
      </c>
      <c r="B26" s="50" t="s">
        <v>46</v>
      </c>
      <c r="C26" s="51">
        <v>1810.25</v>
      </c>
      <c r="D26" s="52"/>
      <c r="E26" s="53">
        <v>8944460</v>
      </c>
      <c r="F26" s="54">
        <v>3000</v>
      </c>
      <c r="G26" s="53">
        <v>4274481</v>
      </c>
      <c r="H26" s="55"/>
    </row>
    <row r="27" spans="1:8" ht="18.75" customHeight="1">
      <c r="A27" s="20" t="s">
        <v>47</v>
      </c>
      <c r="B27" s="432" t="s">
        <v>48</v>
      </c>
      <c r="C27" s="56">
        <v>17.04</v>
      </c>
      <c r="D27" s="22"/>
      <c r="E27" s="23">
        <v>30708</v>
      </c>
      <c r="F27" s="24"/>
      <c r="G27" s="23">
        <v>13030</v>
      </c>
      <c r="H27" s="40"/>
    </row>
    <row r="28" spans="1:8" ht="18.75" customHeight="1">
      <c r="A28" s="26" t="s">
        <v>49</v>
      </c>
      <c r="B28" s="433" t="s">
        <v>50</v>
      </c>
      <c r="C28" s="57">
        <v>13.34</v>
      </c>
      <c r="D28" s="41"/>
      <c r="E28" s="29">
        <v>48520</v>
      </c>
      <c r="F28" s="30"/>
      <c r="G28" s="29">
        <v>20785</v>
      </c>
      <c r="H28" s="31"/>
    </row>
    <row r="29" spans="1:8" ht="18.75" customHeight="1">
      <c r="A29" s="26" t="s">
        <v>51</v>
      </c>
      <c r="B29" s="431" t="s">
        <v>52</v>
      </c>
      <c r="C29" s="57">
        <v>17.18</v>
      </c>
      <c r="D29" s="41"/>
      <c r="E29" s="29">
        <v>30833</v>
      </c>
      <c r="F29" s="30"/>
      <c r="G29" s="29">
        <v>13007</v>
      </c>
      <c r="H29" s="31"/>
    </row>
    <row r="30" spans="1:8" ht="18.75" customHeight="1" thickBot="1">
      <c r="A30" s="34" t="s">
        <v>53</v>
      </c>
      <c r="B30" s="434" t="s">
        <v>54</v>
      </c>
      <c r="C30" s="58">
        <v>9.08</v>
      </c>
      <c r="D30" s="43"/>
      <c r="E30" s="37">
        <v>26685</v>
      </c>
      <c r="F30" s="38"/>
      <c r="G30" s="37">
        <v>11780</v>
      </c>
      <c r="H30" s="39"/>
    </row>
    <row r="31" spans="1:8" ht="18.75" customHeight="1">
      <c r="A31" s="20" t="s">
        <v>55</v>
      </c>
      <c r="B31" s="433" t="s">
        <v>56</v>
      </c>
      <c r="C31" s="21">
        <v>19.989999999999998</v>
      </c>
      <c r="D31" s="22"/>
      <c r="E31" s="23">
        <v>8907</v>
      </c>
      <c r="F31" s="24"/>
      <c r="G31" s="23">
        <v>3482</v>
      </c>
      <c r="H31" s="40"/>
    </row>
    <row r="32" spans="1:8" ht="18.75" customHeight="1">
      <c r="A32" s="26" t="s">
        <v>57</v>
      </c>
      <c r="B32" s="431" t="s">
        <v>58</v>
      </c>
      <c r="C32" s="27">
        <v>14.38</v>
      </c>
      <c r="D32" s="41"/>
      <c r="E32" s="29">
        <v>17264</v>
      </c>
      <c r="F32" s="30"/>
      <c r="G32" s="29">
        <v>7164</v>
      </c>
      <c r="H32" s="31"/>
    </row>
    <row r="33" spans="1:8" ht="18.75" customHeight="1">
      <c r="A33" s="26" t="s">
        <v>59</v>
      </c>
      <c r="B33" s="431" t="s">
        <v>60</v>
      </c>
      <c r="C33" s="32">
        <v>37.75</v>
      </c>
      <c r="E33" s="33">
        <v>10271</v>
      </c>
      <c r="F33" s="6"/>
      <c r="G33" s="33">
        <v>4553</v>
      </c>
      <c r="H33" s="31"/>
    </row>
    <row r="34" spans="1:8" ht="18.75" customHeight="1">
      <c r="A34" s="26" t="s">
        <v>61</v>
      </c>
      <c r="B34" s="431" t="s">
        <v>62</v>
      </c>
      <c r="C34" s="27">
        <v>224.61</v>
      </c>
      <c r="D34" s="41"/>
      <c r="E34" s="29">
        <v>9093</v>
      </c>
      <c r="F34" s="30"/>
      <c r="G34" s="29">
        <v>3969</v>
      </c>
      <c r="H34" s="31"/>
    </row>
    <row r="35" spans="1:8" ht="18.75" customHeight="1" thickBot="1">
      <c r="A35" s="34" t="s">
        <v>63</v>
      </c>
      <c r="B35" s="434" t="s">
        <v>64</v>
      </c>
      <c r="C35" s="35">
        <v>6.55</v>
      </c>
      <c r="D35" s="43"/>
      <c r="E35" s="37">
        <v>18743</v>
      </c>
      <c r="F35" s="38"/>
      <c r="G35" s="37">
        <v>7432</v>
      </c>
      <c r="H35" s="39"/>
    </row>
    <row r="36" spans="1:8" ht="18.75" customHeight="1">
      <c r="A36" s="20" t="s">
        <v>65</v>
      </c>
      <c r="B36" s="433" t="s">
        <v>66</v>
      </c>
      <c r="C36" s="21">
        <v>92.86</v>
      </c>
      <c r="D36" s="22"/>
      <c r="E36" s="23">
        <v>10865</v>
      </c>
      <c r="F36" s="24"/>
      <c r="G36" s="23">
        <v>6508</v>
      </c>
      <c r="H36" s="40"/>
    </row>
    <row r="37" spans="1:8" ht="18.75" customHeight="1">
      <c r="A37" s="26" t="s">
        <v>67</v>
      </c>
      <c r="B37" s="431" t="s">
        <v>68</v>
      </c>
      <c r="C37" s="27">
        <v>7.05</v>
      </c>
      <c r="D37" s="41"/>
      <c r="E37" s="29">
        <v>6187</v>
      </c>
      <c r="F37" s="30"/>
      <c r="G37" s="29">
        <v>2899</v>
      </c>
      <c r="H37" s="31"/>
    </row>
    <row r="38" spans="1:8" ht="18.75" customHeight="1">
      <c r="A38" s="26" t="s">
        <v>69</v>
      </c>
      <c r="B38" s="431">
        <v>14384</v>
      </c>
      <c r="C38" s="32">
        <v>40.97</v>
      </c>
      <c r="E38" s="33">
        <v>22106</v>
      </c>
      <c r="F38" s="6"/>
      <c r="G38" s="33">
        <v>10761</v>
      </c>
      <c r="H38" s="31"/>
    </row>
    <row r="39" spans="1:8" ht="18.75" customHeight="1">
      <c r="A39" s="26" t="s">
        <v>70</v>
      </c>
      <c r="B39" s="431" t="s">
        <v>71</v>
      </c>
      <c r="C39" s="27">
        <v>34.28</v>
      </c>
      <c r="D39" s="41"/>
      <c r="E39" s="29">
        <v>39185</v>
      </c>
      <c r="F39" s="30"/>
      <c r="G39" s="29">
        <v>17887</v>
      </c>
      <c r="H39" s="31"/>
    </row>
    <row r="40" spans="1:8" ht="18.75" customHeight="1" thickBot="1">
      <c r="A40" s="34" t="s">
        <v>72</v>
      </c>
      <c r="B40" s="434">
        <v>14402</v>
      </c>
      <c r="C40" s="35">
        <v>71.239999999999995</v>
      </c>
      <c r="D40" s="43"/>
      <c r="E40" s="37">
        <v>2868</v>
      </c>
      <c r="F40" s="38"/>
      <c r="G40" s="37">
        <v>1136</v>
      </c>
      <c r="H40" s="39"/>
    </row>
    <row r="41" spans="1:8" ht="18.75" customHeight="1" thickBot="1">
      <c r="A41" s="49" t="s">
        <v>73</v>
      </c>
      <c r="B41" s="50" t="s">
        <v>74</v>
      </c>
      <c r="C41" s="51">
        <v>606.30999999999995</v>
      </c>
      <c r="D41" s="52"/>
      <c r="E41" s="53">
        <v>282235</v>
      </c>
      <c r="F41" s="59"/>
      <c r="G41" s="60">
        <v>124393</v>
      </c>
      <c r="H41" s="55"/>
    </row>
    <row r="42" spans="1:8" ht="18.75" customHeight="1" thickBot="1">
      <c r="A42" s="17" t="s">
        <v>75</v>
      </c>
      <c r="B42" s="61" t="s">
        <v>74</v>
      </c>
      <c r="C42" s="51">
        <v>2416.5500000000002</v>
      </c>
      <c r="D42" s="52"/>
      <c r="E42" s="53">
        <v>9226695</v>
      </c>
      <c r="F42" s="59">
        <v>3000</v>
      </c>
      <c r="G42" s="60">
        <v>4398874</v>
      </c>
      <c r="H42" s="55"/>
    </row>
    <row r="43" spans="1:8" ht="15.95" customHeight="1">
      <c r="A43" s="463" t="s">
        <v>288</v>
      </c>
      <c r="B43" s="464"/>
      <c r="C43" s="464"/>
      <c r="D43" s="464"/>
      <c r="E43" s="464"/>
      <c r="F43" s="464"/>
      <c r="G43" s="464"/>
      <c r="H43" s="464"/>
    </row>
    <row r="44" spans="1:8" ht="15.95" customHeight="1">
      <c r="A44" s="461" t="s">
        <v>289</v>
      </c>
      <c r="B44" s="462"/>
      <c r="C44" s="462"/>
      <c r="D44" s="462"/>
      <c r="E44" s="462"/>
      <c r="F44" s="462"/>
      <c r="G44" s="462"/>
      <c r="H44" s="462"/>
    </row>
    <row r="45" spans="1:8" ht="15.95" customHeight="1">
      <c r="A45" s="441" t="s">
        <v>290</v>
      </c>
      <c r="B45" s="442"/>
      <c r="C45" s="442"/>
      <c r="D45" s="442"/>
      <c r="E45" s="442"/>
      <c r="F45" s="442"/>
      <c r="G45" s="442"/>
      <c r="H45" s="442"/>
    </row>
    <row r="46" spans="1:8" ht="15.95" customHeight="1">
      <c r="A46" s="441" t="s">
        <v>284</v>
      </c>
      <c r="B46" s="442"/>
      <c r="C46" s="442"/>
      <c r="D46" s="442"/>
      <c r="E46" s="442"/>
      <c r="F46" s="442"/>
      <c r="G46" s="442"/>
      <c r="H46" s="442"/>
    </row>
    <row r="47" spans="1:8" ht="15.95" customHeight="1">
      <c r="B47" s="63"/>
    </row>
    <row r="48" spans="1:8" ht="15.95" customHeight="1">
      <c r="B48" s="63"/>
    </row>
    <row r="49" spans="1:6" ht="15.95" customHeight="1">
      <c r="B49" s="63"/>
    </row>
    <row r="50" spans="1:6" s="9" customFormat="1" ht="15.95" customHeight="1">
      <c r="A50" s="64"/>
      <c r="B50" s="63"/>
      <c r="D50" s="5"/>
      <c r="E50" s="7"/>
      <c r="F50" s="10"/>
    </row>
    <row r="51" spans="1:6" s="9" customFormat="1" ht="15.95" customHeight="1">
      <c r="A51" s="64"/>
      <c r="B51" s="65"/>
      <c r="D51" s="5"/>
      <c r="E51" s="7"/>
      <c r="F51" s="10"/>
    </row>
    <row r="71" spans="1:6" s="2" customFormat="1" ht="15.95" customHeight="1">
      <c r="A71" s="66"/>
      <c r="C71" s="9"/>
      <c r="D71" s="5"/>
      <c r="E71" s="7"/>
      <c r="F71" s="10"/>
    </row>
  </sheetData>
  <mergeCells count="7">
    <mergeCell ref="A44:H44"/>
    <mergeCell ref="A43:H43"/>
    <mergeCell ref="A46:H46"/>
    <mergeCell ref="A45:H45"/>
    <mergeCell ref="C4:D6"/>
    <mergeCell ref="E4:F6"/>
    <mergeCell ref="G4:H6"/>
  </mergeCells>
  <phoneticPr fontId="5"/>
  <pageMargins left="0.59055118110236227" right="0.59055118110236227" top="0.74803149606299213" bottom="0.47244094488188981" header="0.51181102362204722" footer="0.27559055118110237"/>
  <pageSetup paperSize="9" scale="97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I79"/>
  <sheetViews>
    <sheetView zoomScaleNormal="100" zoomScaleSheetLayoutView="84" workbookViewId="0">
      <selection activeCell="L23" sqref="L23"/>
    </sheetView>
  </sheetViews>
  <sheetFormatPr defaultColWidth="9" defaultRowHeight="14.25" customHeight="1"/>
  <cols>
    <col min="1" max="1" width="1.75" style="64" customWidth="1"/>
    <col min="2" max="2" width="19.5" style="64" customWidth="1"/>
    <col min="3" max="3" width="1.75" style="64" customWidth="1"/>
    <col min="4" max="4" width="9.125" style="3" customWidth="1"/>
    <col min="5" max="7" width="9.125" style="62" customWidth="1"/>
    <col min="8" max="8" width="34.375" style="62" customWidth="1"/>
    <col min="9" max="9" width="9" style="62" customWidth="1"/>
    <col min="10" max="16384" width="9" style="62"/>
  </cols>
  <sheetData>
    <row r="1" spans="1:9" s="68" customFormat="1" ht="16.5" customHeight="1">
      <c r="A1" s="67"/>
      <c r="D1" s="69"/>
      <c r="I1" s="7"/>
    </row>
    <row r="2" spans="1:9" ht="15" customHeight="1" thickBot="1">
      <c r="A2" t="s">
        <v>76</v>
      </c>
      <c r="B2" s="70"/>
      <c r="C2" s="70"/>
      <c r="D2" s="69"/>
      <c r="E2" s="71"/>
      <c r="F2" s="71"/>
      <c r="G2" s="68"/>
      <c r="H2" s="11" t="s">
        <v>287</v>
      </c>
    </row>
    <row r="3" spans="1:9" s="2" customFormat="1" ht="12.75" customHeight="1">
      <c r="A3" s="500"/>
      <c r="B3" s="503" t="s">
        <v>77</v>
      </c>
      <c r="C3" s="72"/>
      <c r="D3" s="73"/>
      <c r="E3" s="506" t="s">
        <v>78</v>
      </c>
      <c r="F3" s="507"/>
      <c r="G3" s="72"/>
      <c r="H3" s="510" t="s">
        <v>79</v>
      </c>
    </row>
    <row r="4" spans="1:9" s="2" customFormat="1" ht="12.75" customHeight="1">
      <c r="A4" s="501"/>
      <c r="B4" s="504"/>
      <c r="C4" s="74"/>
      <c r="D4" s="75"/>
      <c r="E4" s="508"/>
      <c r="F4" s="508"/>
      <c r="G4" s="76"/>
      <c r="H4" s="511"/>
    </row>
    <row r="5" spans="1:9" s="2" customFormat="1" ht="19.5" customHeight="1">
      <c r="A5" s="501"/>
      <c r="B5" s="504"/>
      <c r="C5" s="77"/>
      <c r="D5" s="78" t="s">
        <v>80</v>
      </c>
      <c r="E5" s="79" t="s">
        <v>81</v>
      </c>
      <c r="F5" s="80" t="s">
        <v>82</v>
      </c>
      <c r="G5" s="80" t="s">
        <v>83</v>
      </c>
      <c r="H5" s="511"/>
    </row>
    <row r="6" spans="1:9" s="2" customFormat="1" ht="19.5" customHeight="1" thickBot="1">
      <c r="A6" s="502"/>
      <c r="B6" s="505"/>
      <c r="C6" s="81"/>
      <c r="D6" s="82" t="s">
        <v>84</v>
      </c>
      <c r="E6" s="83" t="s">
        <v>85</v>
      </c>
      <c r="F6" s="84" t="s">
        <v>86</v>
      </c>
      <c r="G6" s="84" t="s">
        <v>87</v>
      </c>
      <c r="H6" s="512"/>
    </row>
    <row r="7" spans="1:9" ht="12.75" customHeight="1">
      <c r="A7" s="85"/>
      <c r="B7" s="86" t="s">
        <v>88</v>
      </c>
      <c r="C7" s="87"/>
      <c r="D7" s="483" t="s">
        <v>89</v>
      </c>
      <c r="E7" s="484">
        <v>103.76</v>
      </c>
      <c r="F7" s="485">
        <v>160656</v>
      </c>
      <c r="G7" s="486">
        <v>73527</v>
      </c>
      <c r="H7" s="88" t="s">
        <v>90</v>
      </c>
    </row>
    <row r="8" spans="1:9" ht="12.75" customHeight="1">
      <c r="A8" s="89"/>
      <c r="B8" s="478" t="s">
        <v>91</v>
      </c>
      <c r="C8" s="90"/>
      <c r="D8" s="490"/>
      <c r="E8" s="491"/>
      <c r="F8" s="476"/>
      <c r="G8" s="477"/>
      <c r="H8" s="91" t="s">
        <v>92</v>
      </c>
    </row>
    <row r="9" spans="1:9" ht="12.75" customHeight="1">
      <c r="A9" s="89"/>
      <c r="B9" s="478"/>
      <c r="C9" s="90"/>
      <c r="D9" s="465" t="s">
        <v>36</v>
      </c>
      <c r="E9" s="467">
        <v>55.56</v>
      </c>
      <c r="F9" s="469">
        <v>101284</v>
      </c>
      <c r="G9" s="471">
        <v>47628</v>
      </c>
      <c r="H9" s="91" t="s">
        <v>93</v>
      </c>
    </row>
    <row r="10" spans="1:9" ht="12.75" customHeight="1">
      <c r="A10" s="89"/>
      <c r="B10" s="92" t="s">
        <v>94</v>
      </c>
      <c r="C10" s="90"/>
      <c r="D10" s="474"/>
      <c r="E10" s="487"/>
      <c r="F10" s="476"/>
      <c r="G10" s="477"/>
      <c r="H10" s="91"/>
    </row>
    <row r="11" spans="1:9" ht="12.75" customHeight="1">
      <c r="A11" s="89"/>
      <c r="B11" s="92" t="s">
        <v>95</v>
      </c>
      <c r="C11" s="90"/>
      <c r="D11" s="465" t="s">
        <v>96</v>
      </c>
      <c r="E11" s="496">
        <v>159.32</v>
      </c>
      <c r="F11" s="469">
        <v>261940</v>
      </c>
      <c r="G11" s="498">
        <v>121155</v>
      </c>
      <c r="H11" s="91" t="s">
        <v>97</v>
      </c>
    </row>
    <row r="12" spans="1:9" ht="12.75" customHeight="1" thickBot="1">
      <c r="A12" s="93"/>
      <c r="B12" s="90" t="s">
        <v>98</v>
      </c>
      <c r="C12" s="90"/>
      <c r="D12" s="490"/>
      <c r="E12" s="497"/>
      <c r="F12" s="481"/>
      <c r="G12" s="499"/>
      <c r="H12" s="94" t="s">
        <v>99</v>
      </c>
    </row>
    <row r="13" spans="1:9" ht="12.75" customHeight="1">
      <c r="A13" s="85"/>
      <c r="B13" s="509" t="s">
        <v>100</v>
      </c>
      <c r="C13" s="95"/>
      <c r="D13" s="483" t="s">
        <v>38</v>
      </c>
      <c r="E13" s="484">
        <v>26.59</v>
      </c>
      <c r="F13" s="485">
        <v>141276</v>
      </c>
      <c r="G13" s="486">
        <v>63043</v>
      </c>
      <c r="H13" s="88" t="s">
        <v>101</v>
      </c>
    </row>
    <row r="14" spans="1:9" ht="12.75" customHeight="1">
      <c r="A14" s="89"/>
      <c r="B14" s="478"/>
      <c r="C14" s="96"/>
      <c r="D14" s="474"/>
      <c r="E14" s="491"/>
      <c r="F14" s="476"/>
      <c r="G14" s="477"/>
      <c r="H14" s="91" t="s">
        <v>102</v>
      </c>
    </row>
    <row r="15" spans="1:9" ht="12.75" customHeight="1">
      <c r="A15" s="89"/>
      <c r="B15" s="478" t="s">
        <v>103</v>
      </c>
      <c r="C15" s="96"/>
      <c r="D15" s="465" t="s">
        <v>40</v>
      </c>
      <c r="E15" s="467">
        <v>17.57</v>
      </c>
      <c r="F15" s="469">
        <v>131838</v>
      </c>
      <c r="G15" s="471">
        <v>62696</v>
      </c>
      <c r="H15" s="91" t="s">
        <v>104</v>
      </c>
    </row>
    <row r="16" spans="1:9" ht="12.75" customHeight="1">
      <c r="A16" s="89"/>
      <c r="B16" s="478"/>
      <c r="C16" s="96"/>
      <c r="D16" s="474"/>
      <c r="E16" s="487"/>
      <c r="F16" s="476"/>
      <c r="G16" s="477"/>
      <c r="H16" s="91" t="s">
        <v>105</v>
      </c>
    </row>
    <row r="17" spans="1:8" ht="12.75" customHeight="1">
      <c r="A17" s="89"/>
      <c r="B17" s="478" t="s">
        <v>106</v>
      </c>
      <c r="C17" s="96"/>
      <c r="D17" s="465" t="s">
        <v>107</v>
      </c>
      <c r="E17" s="467">
        <v>22.14</v>
      </c>
      <c r="F17" s="469">
        <v>82830</v>
      </c>
      <c r="G17" s="471">
        <v>36064</v>
      </c>
      <c r="H17" s="91" t="s">
        <v>108</v>
      </c>
    </row>
    <row r="18" spans="1:8" ht="12.75" customHeight="1">
      <c r="A18" s="89"/>
      <c r="B18" s="478"/>
      <c r="C18" s="96"/>
      <c r="D18" s="474"/>
      <c r="E18" s="487"/>
      <c r="F18" s="476"/>
      <c r="G18" s="477"/>
      <c r="H18" s="91" t="s">
        <v>109</v>
      </c>
    </row>
    <row r="19" spans="1:8" ht="12.75" customHeight="1">
      <c r="A19" s="89"/>
      <c r="B19" s="90" t="s">
        <v>110</v>
      </c>
      <c r="C19" s="96"/>
      <c r="D19" s="465" t="s">
        <v>96</v>
      </c>
      <c r="E19" s="467">
        <v>66.3</v>
      </c>
      <c r="F19" s="469">
        <v>355944</v>
      </c>
      <c r="G19" s="471">
        <v>161803</v>
      </c>
      <c r="H19" s="91"/>
    </row>
    <row r="20" spans="1:8" ht="12.75" customHeight="1" thickBot="1">
      <c r="A20" s="93"/>
      <c r="B20" s="97"/>
      <c r="C20" s="98"/>
      <c r="D20" s="466"/>
      <c r="E20" s="480"/>
      <c r="F20" s="481"/>
      <c r="G20" s="482"/>
      <c r="H20" s="94"/>
    </row>
    <row r="21" spans="1:8" ht="12.75" customHeight="1">
      <c r="A21" s="89"/>
      <c r="B21" s="92"/>
      <c r="C21" s="90"/>
      <c r="D21" s="490" t="s">
        <v>111</v>
      </c>
      <c r="E21" s="494">
        <v>77.12</v>
      </c>
      <c r="F21" s="485">
        <v>39358</v>
      </c>
      <c r="G21" s="486">
        <v>16680</v>
      </c>
      <c r="H21" s="91" t="s">
        <v>112</v>
      </c>
    </row>
    <row r="22" spans="1:8" ht="12.75" customHeight="1">
      <c r="A22" s="89"/>
      <c r="B22" s="92"/>
      <c r="C22" s="90"/>
      <c r="D22" s="474"/>
      <c r="E22" s="487"/>
      <c r="F22" s="476"/>
      <c r="G22" s="477"/>
      <c r="H22" s="91" t="s">
        <v>105</v>
      </c>
    </row>
    <row r="23" spans="1:8" ht="12.75" customHeight="1">
      <c r="A23" s="89"/>
      <c r="B23" s="92"/>
      <c r="C23" s="90"/>
      <c r="D23" s="465" t="s">
        <v>55</v>
      </c>
      <c r="E23" s="467">
        <v>19.989999999999998</v>
      </c>
      <c r="F23" s="469">
        <v>8907</v>
      </c>
      <c r="G23" s="471">
        <v>3482</v>
      </c>
      <c r="H23" s="91" t="s">
        <v>113</v>
      </c>
    </row>
    <row r="24" spans="1:8" ht="12.75" customHeight="1">
      <c r="A24" s="89"/>
      <c r="B24" s="99" t="s">
        <v>114</v>
      </c>
      <c r="C24" s="90"/>
      <c r="D24" s="474"/>
      <c r="E24" s="487"/>
      <c r="F24" s="476"/>
      <c r="G24" s="477"/>
      <c r="H24" s="91"/>
    </row>
    <row r="25" spans="1:8" ht="12.75" customHeight="1">
      <c r="A25" s="89"/>
      <c r="B25" s="92"/>
      <c r="C25" s="90"/>
      <c r="D25" s="465" t="s">
        <v>57</v>
      </c>
      <c r="E25" s="467">
        <v>14.38</v>
      </c>
      <c r="F25" s="469">
        <v>17264</v>
      </c>
      <c r="G25" s="471">
        <v>7164</v>
      </c>
      <c r="H25" s="91"/>
    </row>
    <row r="26" spans="1:8" ht="12.75" customHeight="1">
      <c r="A26" s="89"/>
      <c r="B26" s="92" t="s">
        <v>115</v>
      </c>
      <c r="C26" s="90"/>
      <c r="D26" s="474"/>
      <c r="E26" s="489"/>
      <c r="F26" s="476"/>
      <c r="G26" s="495"/>
      <c r="H26" s="91"/>
    </row>
    <row r="27" spans="1:8" ht="12.75" customHeight="1">
      <c r="A27" s="89"/>
      <c r="B27" s="92"/>
      <c r="C27" s="90"/>
      <c r="D27" s="465" t="s">
        <v>59</v>
      </c>
      <c r="E27" s="467">
        <v>37.75</v>
      </c>
      <c r="F27" s="469">
        <v>10271</v>
      </c>
      <c r="G27" s="471">
        <v>4553</v>
      </c>
      <c r="H27" s="91"/>
    </row>
    <row r="28" spans="1:8" ht="12.75" customHeight="1">
      <c r="A28" s="89"/>
      <c r="B28" s="478" t="s">
        <v>116</v>
      </c>
      <c r="C28" s="90"/>
      <c r="D28" s="474"/>
      <c r="E28" s="487"/>
      <c r="F28" s="476"/>
      <c r="G28" s="477"/>
      <c r="H28" s="91"/>
    </row>
    <row r="29" spans="1:8" ht="12.75" customHeight="1">
      <c r="A29" s="89"/>
      <c r="B29" s="478"/>
      <c r="C29" s="90"/>
      <c r="D29" s="465" t="s">
        <v>61</v>
      </c>
      <c r="E29" s="467">
        <v>224.61</v>
      </c>
      <c r="F29" s="469">
        <v>9093</v>
      </c>
      <c r="G29" s="471">
        <v>3969</v>
      </c>
      <c r="H29" s="91"/>
    </row>
    <row r="30" spans="1:8" ht="12.75" customHeight="1">
      <c r="A30" s="89"/>
      <c r="B30" s="92"/>
      <c r="C30" s="90"/>
      <c r="D30" s="474"/>
      <c r="E30" s="487"/>
      <c r="F30" s="476"/>
      <c r="G30" s="477"/>
      <c r="H30" s="91"/>
    </row>
    <row r="31" spans="1:8" ht="12.75" customHeight="1">
      <c r="A31" s="89"/>
      <c r="B31" s="90" t="s">
        <v>117</v>
      </c>
      <c r="C31" s="90"/>
      <c r="D31" s="465" t="s">
        <v>63</v>
      </c>
      <c r="E31" s="467">
        <v>6.55</v>
      </c>
      <c r="F31" s="469">
        <v>18743</v>
      </c>
      <c r="G31" s="471">
        <v>7432</v>
      </c>
      <c r="H31" s="91"/>
    </row>
    <row r="32" spans="1:8" ht="12.75" customHeight="1">
      <c r="A32" s="89"/>
      <c r="B32" s="92"/>
      <c r="C32" s="90"/>
      <c r="D32" s="474"/>
      <c r="E32" s="487"/>
      <c r="F32" s="476"/>
      <c r="G32" s="477"/>
      <c r="H32" s="91"/>
    </row>
    <row r="33" spans="1:8" ht="12.75" customHeight="1">
      <c r="A33" s="89"/>
      <c r="B33" s="92"/>
      <c r="C33" s="90"/>
      <c r="D33" s="465" t="s">
        <v>96</v>
      </c>
      <c r="E33" s="467">
        <v>380.40000000000003</v>
      </c>
      <c r="F33" s="469">
        <v>103636</v>
      </c>
      <c r="G33" s="471">
        <v>43280</v>
      </c>
      <c r="H33" s="91"/>
    </row>
    <row r="34" spans="1:8" ht="12.75" customHeight="1" thickBot="1">
      <c r="A34" s="93"/>
      <c r="B34" s="100"/>
      <c r="C34" s="97"/>
      <c r="D34" s="466"/>
      <c r="E34" s="480"/>
      <c r="F34" s="481"/>
      <c r="G34" s="482"/>
      <c r="H34" s="94"/>
    </row>
    <row r="35" spans="1:8" ht="12.75" customHeight="1">
      <c r="A35" s="85"/>
      <c r="B35" s="101" t="s">
        <v>118</v>
      </c>
      <c r="C35" s="90"/>
      <c r="D35" s="490" t="s">
        <v>67</v>
      </c>
      <c r="E35" s="494">
        <v>7.05</v>
      </c>
      <c r="F35" s="485">
        <v>6187</v>
      </c>
      <c r="G35" s="486">
        <v>2899</v>
      </c>
      <c r="H35" s="91" t="s">
        <v>119</v>
      </c>
    </row>
    <row r="36" spans="1:8" ht="12.75" customHeight="1">
      <c r="A36" s="89"/>
      <c r="B36" s="101" t="s">
        <v>120</v>
      </c>
      <c r="C36" s="90"/>
      <c r="D36" s="474"/>
      <c r="E36" s="487"/>
      <c r="F36" s="476"/>
      <c r="G36" s="477"/>
      <c r="H36" s="91" t="s">
        <v>121</v>
      </c>
    </row>
    <row r="37" spans="1:8" ht="12.75" customHeight="1">
      <c r="A37" s="89"/>
      <c r="B37" s="71" t="s">
        <v>122</v>
      </c>
      <c r="C37" s="90"/>
      <c r="D37" s="465" t="s">
        <v>69</v>
      </c>
      <c r="E37" s="467">
        <v>40.97</v>
      </c>
      <c r="F37" s="469">
        <v>22106</v>
      </c>
      <c r="G37" s="471">
        <v>10761</v>
      </c>
      <c r="H37" s="91"/>
    </row>
    <row r="38" spans="1:8" ht="12.75" customHeight="1">
      <c r="A38" s="89"/>
      <c r="B38" s="478" t="s">
        <v>123</v>
      </c>
      <c r="C38" s="90"/>
      <c r="D38" s="474"/>
      <c r="E38" s="487"/>
      <c r="F38" s="476"/>
      <c r="G38" s="477"/>
      <c r="H38" s="91"/>
    </row>
    <row r="39" spans="1:8" ht="12.75" customHeight="1">
      <c r="A39" s="89"/>
      <c r="B39" s="478"/>
      <c r="C39" s="90"/>
      <c r="D39" s="465" t="s">
        <v>96</v>
      </c>
      <c r="E39" s="467">
        <v>48.019999999999996</v>
      </c>
      <c r="F39" s="469">
        <v>28293</v>
      </c>
      <c r="G39" s="471">
        <v>13660</v>
      </c>
      <c r="H39" s="91"/>
    </row>
    <row r="40" spans="1:8" ht="12.75" customHeight="1" thickBot="1">
      <c r="A40" s="93"/>
      <c r="B40" s="90" t="s">
        <v>124</v>
      </c>
      <c r="C40" s="90"/>
      <c r="D40" s="490"/>
      <c r="E40" s="491"/>
      <c r="F40" s="492"/>
      <c r="G40" s="493"/>
      <c r="H40" s="94"/>
    </row>
    <row r="41" spans="1:8" ht="12.75" customHeight="1">
      <c r="A41" s="85"/>
      <c r="B41" s="86"/>
      <c r="C41" s="87"/>
      <c r="D41" s="483" t="s">
        <v>55</v>
      </c>
      <c r="E41" s="488">
        <v>19.989999999999998</v>
      </c>
      <c r="F41" s="485">
        <v>8907</v>
      </c>
      <c r="G41" s="486">
        <v>3482</v>
      </c>
      <c r="H41" s="88" t="s">
        <v>119</v>
      </c>
    </row>
    <row r="42" spans="1:8" ht="12.75" customHeight="1">
      <c r="A42" s="89"/>
      <c r="B42" s="473" t="s">
        <v>125</v>
      </c>
      <c r="C42" s="90"/>
      <c r="D42" s="474"/>
      <c r="E42" s="489"/>
      <c r="F42" s="476"/>
      <c r="G42" s="477"/>
      <c r="H42" s="91" t="s">
        <v>126</v>
      </c>
    </row>
    <row r="43" spans="1:8" ht="12.75" customHeight="1">
      <c r="A43" s="89"/>
      <c r="B43" s="473"/>
      <c r="C43" s="90"/>
      <c r="D43" s="465" t="s">
        <v>57</v>
      </c>
      <c r="E43" s="467">
        <v>14.38</v>
      </c>
      <c r="F43" s="469">
        <v>17264</v>
      </c>
      <c r="G43" s="471">
        <v>7164</v>
      </c>
      <c r="H43" s="91"/>
    </row>
    <row r="44" spans="1:8" ht="12.75" customHeight="1">
      <c r="A44" s="89"/>
      <c r="B44" s="99" t="s">
        <v>127</v>
      </c>
      <c r="C44" s="90"/>
      <c r="D44" s="474"/>
      <c r="E44" s="487"/>
      <c r="F44" s="476"/>
      <c r="G44" s="477"/>
      <c r="H44" s="91"/>
    </row>
    <row r="45" spans="1:8" ht="12.75" customHeight="1">
      <c r="A45" s="89"/>
      <c r="B45" s="478" t="s">
        <v>128</v>
      </c>
      <c r="C45" s="90"/>
      <c r="D45" s="465" t="s">
        <v>59</v>
      </c>
      <c r="E45" s="467">
        <v>37.75</v>
      </c>
      <c r="F45" s="469">
        <v>10271</v>
      </c>
      <c r="G45" s="471">
        <v>4553</v>
      </c>
      <c r="H45" s="91"/>
    </row>
    <row r="46" spans="1:8" ht="12.75" customHeight="1">
      <c r="A46" s="89"/>
      <c r="B46" s="479"/>
      <c r="C46" s="90"/>
      <c r="D46" s="474"/>
      <c r="E46" s="487"/>
      <c r="F46" s="476"/>
      <c r="G46" s="477"/>
      <c r="H46" s="91"/>
    </row>
    <row r="47" spans="1:8" ht="12.75" customHeight="1">
      <c r="A47" s="89"/>
      <c r="B47" s="90" t="s">
        <v>129</v>
      </c>
      <c r="C47" s="90"/>
      <c r="D47" s="465" t="s">
        <v>96</v>
      </c>
      <c r="E47" s="467">
        <v>72.12</v>
      </c>
      <c r="F47" s="469">
        <v>36442</v>
      </c>
      <c r="G47" s="471">
        <v>15199</v>
      </c>
      <c r="H47" s="91"/>
    </row>
    <row r="48" spans="1:8" ht="12.75" customHeight="1" thickBot="1">
      <c r="A48" s="93"/>
      <c r="B48" s="100"/>
      <c r="C48" s="97"/>
      <c r="D48" s="466"/>
      <c r="E48" s="480"/>
      <c r="F48" s="481"/>
      <c r="G48" s="482"/>
      <c r="H48" s="94"/>
    </row>
    <row r="49" spans="1:8" ht="12.75" customHeight="1">
      <c r="A49" s="85"/>
      <c r="B49" s="86"/>
      <c r="C49" s="95"/>
      <c r="D49" s="483" t="s">
        <v>61</v>
      </c>
      <c r="E49" s="484">
        <v>224.61</v>
      </c>
      <c r="F49" s="485">
        <v>9093</v>
      </c>
      <c r="G49" s="486">
        <v>3969</v>
      </c>
      <c r="H49" s="88" t="s">
        <v>130</v>
      </c>
    </row>
    <row r="50" spans="1:8" ht="12.75" customHeight="1">
      <c r="A50" s="89"/>
      <c r="B50" s="99" t="s">
        <v>131</v>
      </c>
      <c r="C50" s="96"/>
      <c r="D50" s="474"/>
      <c r="E50" s="487"/>
      <c r="F50" s="476"/>
      <c r="G50" s="477"/>
      <c r="H50" s="91"/>
    </row>
    <row r="51" spans="1:8" ht="12.75" customHeight="1">
      <c r="A51" s="89"/>
      <c r="B51" s="92" t="s">
        <v>132</v>
      </c>
      <c r="C51" s="96"/>
      <c r="D51" s="465" t="s">
        <v>63</v>
      </c>
      <c r="E51" s="467">
        <v>6.55</v>
      </c>
      <c r="F51" s="469">
        <v>18743</v>
      </c>
      <c r="G51" s="471">
        <v>7432</v>
      </c>
      <c r="H51" s="91"/>
    </row>
    <row r="52" spans="1:8" ht="12.75" customHeight="1">
      <c r="A52" s="89"/>
      <c r="B52" s="92" t="s">
        <v>133</v>
      </c>
      <c r="C52" s="96"/>
      <c r="D52" s="474"/>
      <c r="E52" s="487"/>
      <c r="F52" s="476"/>
      <c r="G52" s="477"/>
      <c r="H52" s="91"/>
    </row>
    <row r="53" spans="1:8" ht="12.75" customHeight="1">
      <c r="A53" s="89"/>
      <c r="B53" s="90" t="s">
        <v>134</v>
      </c>
      <c r="C53" s="96"/>
      <c r="D53" s="465" t="s">
        <v>96</v>
      </c>
      <c r="E53" s="467">
        <v>231.16000000000003</v>
      </c>
      <c r="F53" s="469">
        <v>27836</v>
      </c>
      <c r="G53" s="471">
        <v>11401</v>
      </c>
      <c r="H53" s="91"/>
    </row>
    <row r="54" spans="1:8" ht="12.75" customHeight="1" thickBot="1">
      <c r="A54" s="93"/>
      <c r="B54" s="97"/>
      <c r="C54" s="98"/>
      <c r="D54" s="466"/>
      <c r="E54" s="480"/>
      <c r="F54" s="481"/>
      <c r="G54" s="482"/>
      <c r="H54" s="94"/>
    </row>
    <row r="55" spans="1:8" ht="12.75" customHeight="1">
      <c r="A55" s="85"/>
      <c r="B55" s="86"/>
      <c r="C55" s="87"/>
      <c r="D55" s="483" t="s">
        <v>135</v>
      </c>
      <c r="E55" s="484">
        <v>93.83</v>
      </c>
      <c r="F55" s="485">
        <v>223704</v>
      </c>
      <c r="G55" s="486">
        <v>106153</v>
      </c>
      <c r="H55" s="88" t="s">
        <v>136</v>
      </c>
    </row>
    <row r="56" spans="1:8" ht="12.75" customHeight="1">
      <c r="A56" s="89"/>
      <c r="B56" s="473" t="s">
        <v>137</v>
      </c>
      <c r="C56" s="90"/>
      <c r="D56" s="474"/>
      <c r="E56" s="475"/>
      <c r="F56" s="476"/>
      <c r="G56" s="477"/>
      <c r="H56" s="91"/>
    </row>
    <row r="57" spans="1:8" ht="12.75" customHeight="1">
      <c r="A57" s="89"/>
      <c r="B57" s="473"/>
      <c r="C57" s="90"/>
      <c r="D57" s="465" t="s">
        <v>138</v>
      </c>
      <c r="E57" s="467">
        <v>34.28</v>
      </c>
      <c r="F57" s="469">
        <v>39185</v>
      </c>
      <c r="G57" s="471">
        <v>17887</v>
      </c>
      <c r="H57" s="91"/>
    </row>
    <row r="58" spans="1:8" ht="12.75" customHeight="1">
      <c r="A58" s="89"/>
      <c r="B58" s="92" t="s">
        <v>139</v>
      </c>
      <c r="C58" s="90"/>
      <c r="D58" s="474"/>
      <c r="E58" s="475"/>
      <c r="F58" s="476"/>
      <c r="G58" s="477"/>
      <c r="H58" s="91"/>
    </row>
    <row r="59" spans="1:8" ht="12.75" customHeight="1">
      <c r="A59" s="89"/>
      <c r="B59" s="478" t="s">
        <v>140</v>
      </c>
      <c r="C59" s="90"/>
      <c r="D59" s="465" t="s">
        <v>72</v>
      </c>
      <c r="E59" s="467">
        <v>71.239999999999995</v>
      </c>
      <c r="F59" s="469">
        <v>2868</v>
      </c>
      <c r="G59" s="471">
        <v>1136</v>
      </c>
      <c r="H59" s="91"/>
    </row>
    <row r="60" spans="1:8" ht="12.75" customHeight="1">
      <c r="A60" s="89"/>
      <c r="B60" s="479"/>
      <c r="C60" s="90"/>
      <c r="D60" s="474"/>
      <c r="E60" s="475"/>
      <c r="F60" s="476"/>
      <c r="G60" s="477"/>
      <c r="H60" s="91"/>
    </row>
    <row r="61" spans="1:8" ht="12.75" customHeight="1">
      <c r="A61" s="89"/>
      <c r="B61" s="90" t="s">
        <v>141</v>
      </c>
      <c r="C61" s="90"/>
      <c r="D61" s="465" t="s">
        <v>96</v>
      </c>
      <c r="E61" s="467">
        <v>199.35000000000002</v>
      </c>
      <c r="F61" s="469">
        <v>265757</v>
      </c>
      <c r="G61" s="471">
        <v>125176</v>
      </c>
      <c r="H61" s="91"/>
    </row>
    <row r="62" spans="1:8" ht="12.75" customHeight="1" thickBot="1">
      <c r="A62" s="93"/>
      <c r="B62" s="100"/>
      <c r="C62" s="97"/>
      <c r="D62" s="466"/>
      <c r="E62" s="468"/>
      <c r="F62" s="470"/>
      <c r="G62" s="472"/>
      <c r="H62" s="94"/>
    </row>
    <row r="79" spans="1:3" ht="14.25" customHeight="1">
      <c r="A79" s="66"/>
      <c r="B79" s="66"/>
      <c r="C79" s="66"/>
    </row>
  </sheetData>
  <mergeCells count="126">
    <mergeCell ref="H3:H6"/>
    <mergeCell ref="D7:D8"/>
    <mergeCell ref="E7:E8"/>
    <mergeCell ref="F7:F8"/>
    <mergeCell ref="G7:G8"/>
    <mergeCell ref="B8:B9"/>
    <mergeCell ref="D9:D10"/>
    <mergeCell ref="E9:E10"/>
    <mergeCell ref="F9:F10"/>
    <mergeCell ref="G9:G10"/>
    <mergeCell ref="D11:D12"/>
    <mergeCell ref="E11:E12"/>
    <mergeCell ref="F11:F12"/>
    <mergeCell ref="G11:G12"/>
    <mergeCell ref="A3:A6"/>
    <mergeCell ref="B3:B6"/>
    <mergeCell ref="E3:F4"/>
    <mergeCell ref="B13:B14"/>
    <mergeCell ref="D13:D14"/>
    <mergeCell ref="E13:E14"/>
    <mergeCell ref="F13:F14"/>
    <mergeCell ref="G13:G14"/>
    <mergeCell ref="B15:B16"/>
    <mergeCell ref="D15:D16"/>
    <mergeCell ref="E15:E16"/>
    <mergeCell ref="F15:F16"/>
    <mergeCell ref="G15:G16"/>
    <mergeCell ref="B17:B18"/>
    <mergeCell ref="D17:D18"/>
    <mergeCell ref="E17:E18"/>
    <mergeCell ref="F17:F18"/>
    <mergeCell ref="G17:G18"/>
    <mergeCell ref="D19:D20"/>
    <mergeCell ref="E19:E20"/>
    <mergeCell ref="F19:F20"/>
    <mergeCell ref="G19:G20"/>
    <mergeCell ref="D25:D26"/>
    <mergeCell ref="E25:E26"/>
    <mergeCell ref="F25:F26"/>
    <mergeCell ref="G25:G26"/>
    <mergeCell ref="D27:D28"/>
    <mergeCell ref="E27:E28"/>
    <mergeCell ref="F27:F28"/>
    <mergeCell ref="G27:G28"/>
    <mergeCell ref="D21:D22"/>
    <mergeCell ref="E21:E22"/>
    <mergeCell ref="F21:F22"/>
    <mergeCell ref="G21:G22"/>
    <mergeCell ref="D23:D24"/>
    <mergeCell ref="E23:E24"/>
    <mergeCell ref="F23:F24"/>
    <mergeCell ref="G23:G24"/>
    <mergeCell ref="D33:D34"/>
    <mergeCell ref="E33:E34"/>
    <mergeCell ref="F33:F34"/>
    <mergeCell ref="G33:G34"/>
    <mergeCell ref="D35:D36"/>
    <mergeCell ref="E35:E36"/>
    <mergeCell ref="F35:F36"/>
    <mergeCell ref="G35:G36"/>
    <mergeCell ref="B28:B29"/>
    <mergeCell ref="D29:D30"/>
    <mergeCell ref="E29:E30"/>
    <mergeCell ref="F29:F30"/>
    <mergeCell ref="G29:G30"/>
    <mergeCell ref="D31:D32"/>
    <mergeCell ref="E31:E32"/>
    <mergeCell ref="F31:F32"/>
    <mergeCell ref="G31:G32"/>
    <mergeCell ref="D37:D38"/>
    <mergeCell ref="E37:E38"/>
    <mergeCell ref="F37:F38"/>
    <mergeCell ref="G37:G38"/>
    <mergeCell ref="B38:B39"/>
    <mergeCell ref="D39:D40"/>
    <mergeCell ref="E39:E40"/>
    <mergeCell ref="F39:F40"/>
    <mergeCell ref="G39:G40"/>
    <mergeCell ref="D41:D42"/>
    <mergeCell ref="E41:E42"/>
    <mergeCell ref="F41:F42"/>
    <mergeCell ref="G41:G42"/>
    <mergeCell ref="B42:B43"/>
    <mergeCell ref="D43:D44"/>
    <mergeCell ref="E43:E44"/>
    <mergeCell ref="F43:F44"/>
    <mergeCell ref="G43:G44"/>
    <mergeCell ref="B45:B46"/>
    <mergeCell ref="D45:D46"/>
    <mergeCell ref="E45:E46"/>
    <mergeCell ref="F45:F46"/>
    <mergeCell ref="G45:G46"/>
    <mergeCell ref="D47:D48"/>
    <mergeCell ref="E47:E48"/>
    <mergeCell ref="F47:F48"/>
    <mergeCell ref="G47:G48"/>
    <mergeCell ref="D53:D54"/>
    <mergeCell ref="E53:E54"/>
    <mergeCell ref="F53:F54"/>
    <mergeCell ref="G53:G54"/>
    <mergeCell ref="D55:D56"/>
    <mergeCell ref="E55:E56"/>
    <mergeCell ref="F55:F56"/>
    <mergeCell ref="G55:G56"/>
    <mergeCell ref="D49:D50"/>
    <mergeCell ref="E49:E50"/>
    <mergeCell ref="F49:F50"/>
    <mergeCell ref="G49:G50"/>
    <mergeCell ref="D51:D52"/>
    <mergeCell ref="E51:E52"/>
    <mergeCell ref="F51:F52"/>
    <mergeCell ref="G51:G52"/>
    <mergeCell ref="D61:D62"/>
    <mergeCell ref="E61:E62"/>
    <mergeCell ref="F61:F62"/>
    <mergeCell ref="G61:G62"/>
    <mergeCell ref="B56:B57"/>
    <mergeCell ref="D57:D58"/>
    <mergeCell ref="E57:E58"/>
    <mergeCell ref="F57:F58"/>
    <mergeCell ref="G57:G58"/>
    <mergeCell ref="B59:B60"/>
    <mergeCell ref="D59:D60"/>
    <mergeCell ref="E59:E60"/>
    <mergeCell ref="F59:F60"/>
    <mergeCell ref="G59:G60"/>
  </mergeCells>
  <phoneticPr fontId="5"/>
  <pageMargins left="0.59055118110236227" right="0.59055118110236227" top="0.74803149606299213" bottom="0.47244094488188981" header="0.51181102362204722" footer="0.27559055118110237"/>
  <pageSetup paperSize="9" scale="97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IV63"/>
  <sheetViews>
    <sheetView tabSelected="1" view="pageBreakPreview" zoomScale="84" zoomScaleNormal="100" zoomScaleSheetLayoutView="84" workbookViewId="0">
      <selection activeCell="S39" sqref="S39"/>
    </sheetView>
  </sheetViews>
  <sheetFormatPr defaultColWidth="8" defaultRowHeight="12" customHeight="1"/>
  <sheetData>
    <row r="1" spans="1:256" ht="110.25" customHeight="1">
      <c r="A1" s="102"/>
      <c r="B1" s="103" t="s">
        <v>142</v>
      </c>
      <c r="C1" s="102"/>
      <c r="D1" s="102"/>
      <c r="E1" s="102"/>
      <c r="F1" s="102"/>
      <c r="G1" s="102"/>
      <c r="H1" s="102"/>
      <c r="I1" s="102"/>
      <c r="J1" s="102"/>
      <c r="K1" s="102"/>
      <c r="L1" s="102"/>
      <c r="N1" s="102"/>
      <c r="O1" s="102"/>
      <c r="P1" s="102"/>
      <c r="Q1" s="102"/>
      <c r="R1" s="102"/>
      <c r="S1" s="102"/>
      <c r="T1" s="102"/>
      <c r="U1" s="102"/>
      <c r="V1" s="102"/>
      <c r="W1" s="102"/>
      <c r="X1" s="102"/>
      <c r="Y1" s="102"/>
      <c r="Z1" s="102"/>
      <c r="AA1" s="102"/>
      <c r="AB1" s="102"/>
      <c r="AC1" s="102"/>
      <c r="AD1" s="102"/>
      <c r="AE1" s="102"/>
      <c r="AF1" s="102"/>
      <c r="AG1" s="102"/>
      <c r="AH1" s="102"/>
      <c r="AI1" s="102"/>
      <c r="AJ1" s="102"/>
      <c r="AK1" s="102"/>
      <c r="AL1" s="102"/>
      <c r="AM1" s="102"/>
      <c r="AN1" s="102"/>
      <c r="AO1" s="102"/>
      <c r="AP1" s="102"/>
      <c r="AQ1" s="102"/>
      <c r="AR1" s="102"/>
      <c r="AS1" s="102"/>
      <c r="AT1" s="102"/>
      <c r="AU1" s="102"/>
      <c r="AV1" s="102"/>
      <c r="AW1" s="102"/>
      <c r="AX1" s="102"/>
      <c r="AY1" s="102"/>
      <c r="AZ1" s="102"/>
      <c r="BA1" s="102"/>
      <c r="BB1" s="102"/>
      <c r="BC1" s="102"/>
      <c r="BD1" s="102"/>
      <c r="BE1" s="102"/>
      <c r="BF1" s="102"/>
      <c r="BG1" s="102"/>
      <c r="BH1" s="102"/>
      <c r="BI1" s="102"/>
      <c r="BJ1" s="102"/>
      <c r="BK1" s="102"/>
      <c r="BL1" s="102"/>
      <c r="BM1" s="102"/>
      <c r="BN1" s="102"/>
      <c r="BO1" s="102"/>
      <c r="BP1" s="102"/>
      <c r="BQ1" s="102"/>
      <c r="BR1" s="102"/>
      <c r="BS1" s="102"/>
      <c r="BT1" s="102"/>
      <c r="BU1" s="102"/>
      <c r="BV1" s="102"/>
      <c r="BW1" s="102"/>
      <c r="BX1" s="102"/>
      <c r="BY1" s="102"/>
      <c r="BZ1" s="102"/>
      <c r="CA1" s="102"/>
      <c r="CB1" s="102"/>
      <c r="CC1" s="102"/>
      <c r="CD1" s="102"/>
      <c r="CE1" s="102"/>
      <c r="CF1" s="102"/>
      <c r="CG1" s="102"/>
      <c r="CH1" s="102"/>
      <c r="CI1" s="102"/>
      <c r="CJ1" s="102"/>
      <c r="CK1" s="102"/>
      <c r="CL1" s="102"/>
      <c r="CM1" s="102"/>
      <c r="CN1" s="102"/>
      <c r="CO1" s="102"/>
      <c r="CP1" s="102"/>
      <c r="CQ1" s="102"/>
      <c r="CR1" s="102"/>
      <c r="CS1" s="102"/>
      <c r="CT1" s="102"/>
      <c r="CU1" s="102"/>
      <c r="CV1" s="102"/>
      <c r="CW1" s="102"/>
      <c r="CX1" s="102"/>
      <c r="CY1" s="102"/>
      <c r="CZ1" s="102"/>
      <c r="DA1" s="102"/>
      <c r="DB1" s="102"/>
      <c r="DC1" s="102"/>
      <c r="DD1" s="102"/>
      <c r="DE1" s="102"/>
      <c r="DF1" s="102"/>
      <c r="DG1" s="102"/>
      <c r="DH1" s="102"/>
      <c r="DI1" s="102"/>
      <c r="DJ1" s="102"/>
      <c r="DK1" s="102"/>
      <c r="DL1" s="102"/>
      <c r="DM1" s="102"/>
      <c r="DN1" s="102"/>
      <c r="DO1" s="102"/>
      <c r="DP1" s="102"/>
      <c r="DQ1" s="102"/>
      <c r="DR1" s="102"/>
      <c r="DS1" s="102"/>
      <c r="DT1" s="102"/>
      <c r="DU1" s="102"/>
      <c r="DV1" s="102"/>
      <c r="DW1" s="102"/>
      <c r="DX1" s="102"/>
      <c r="DY1" s="102"/>
      <c r="DZ1" s="102"/>
      <c r="EA1" s="102"/>
      <c r="EB1" s="102"/>
      <c r="EC1" s="102"/>
      <c r="ED1" s="102"/>
      <c r="EE1" s="102"/>
      <c r="EF1" s="102"/>
      <c r="EG1" s="102"/>
      <c r="EH1" s="102"/>
      <c r="EI1" s="102"/>
      <c r="EJ1" s="102"/>
      <c r="EK1" s="102"/>
      <c r="EL1" s="102"/>
      <c r="EM1" s="102"/>
      <c r="EN1" s="102"/>
      <c r="EO1" s="102"/>
      <c r="EP1" s="102"/>
      <c r="EQ1" s="102"/>
      <c r="ER1" s="102"/>
      <c r="ES1" s="102"/>
      <c r="ET1" s="102"/>
      <c r="EU1" s="102"/>
      <c r="EV1" s="102"/>
      <c r="EW1" s="102"/>
      <c r="EX1" s="102"/>
      <c r="EY1" s="102"/>
      <c r="EZ1" s="102"/>
      <c r="FA1" s="102"/>
      <c r="FB1" s="102"/>
      <c r="FC1" s="102"/>
      <c r="FD1" s="102"/>
      <c r="FE1" s="102"/>
      <c r="FF1" s="102"/>
      <c r="FG1" s="102"/>
      <c r="FH1" s="102"/>
      <c r="FI1" s="102"/>
      <c r="FJ1" s="102"/>
      <c r="FK1" s="102"/>
      <c r="FL1" s="102"/>
      <c r="FM1" s="102"/>
      <c r="FN1" s="102"/>
      <c r="FO1" s="102"/>
      <c r="FP1" s="102"/>
      <c r="FQ1" s="102"/>
      <c r="FR1" s="102"/>
      <c r="FS1" s="102"/>
      <c r="FT1" s="102"/>
      <c r="FU1" s="102"/>
      <c r="FV1" s="102"/>
      <c r="FW1" s="102"/>
      <c r="FX1" s="102"/>
      <c r="FY1" s="102"/>
      <c r="FZ1" s="102"/>
      <c r="GA1" s="102"/>
      <c r="GB1" s="102"/>
      <c r="GC1" s="102"/>
      <c r="GD1" s="102"/>
      <c r="GE1" s="102"/>
      <c r="GF1" s="102"/>
      <c r="GG1" s="102"/>
      <c r="GH1" s="102"/>
      <c r="GI1" s="102"/>
      <c r="GJ1" s="102"/>
      <c r="GK1" s="102"/>
      <c r="GL1" s="102"/>
      <c r="GM1" s="102"/>
      <c r="GN1" s="102"/>
      <c r="GO1" s="102"/>
      <c r="GP1" s="102"/>
      <c r="GQ1" s="102"/>
      <c r="GR1" s="102"/>
      <c r="GS1" s="102"/>
      <c r="GT1" s="102"/>
      <c r="GU1" s="102"/>
      <c r="GV1" s="102"/>
      <c r="GW1" s="102"/>
      <c r="GX1" s="102"/>
      <c r="GY1" s="102"/>
      <c r="GZ1" s="102"/>
      <c r="HA1" s="102"/>
      <c r="HB1" s="102"/>
      <c r="HC1" s="102"/>
      <c r="HD1" s="102"/>
      <c r="HE1" s="102"/>
      <c r="HF1" s="102"/>
      <c r="HG1" s="102"/>
      <c r="HH1" s="102"/>
      <c r="HI1" s="102"/>
      <c r="HJ1" s="102"/>
      <c r="HK1" s="102"/>
      <c r="HL1" s="102"/>
      <c r="HM1" s="102"/>
      <c r="HN1" s="102"/>
      <c r="HO1" s="102"/>
      <c r="HP1" s="102"/>
      <c r="HQ1" s="102"/>
      <c r="HR1" s="102"/>
      <c r="HS1" s="102"/>
      <c r="HT1" s="102"/>
      <c r="HU1" s="102"/>
      <c r="HV1" s="102"/>
      <c r="HW1" s="102"/>
      <c r="HX1" s="102"/>
      <c r="HY1" s="102"/>
      <c r="HZ1" s="102"/>
      <c r="IA1" s="102"/>
      <c r="IB1" s="102"/>
      <c r="IC1" s="102"/>
      <c r="ID1" s="102"/>
      <c r="IE1" s="102"/>
      <c r="IF1" s="102"/>
      <c r="IG1" s="102"/>
      <c r="IH1" s="102"/>
      <c r="II1" s="102"/>
      <c r="IJ1" s="102"/>
      <c r="IK1" s="102"/>
      <c r="IL1" s="102"/>
      <c r="IM1" s="102"/>
      <c r="IN1" s="102"/>
      <c r="IO1" s="102"/>
      <c r="IP1" s="102"/>
      <c r="IQ1" s="102"/>
      <c r="IR1" s="102"/>
      <c r="IS1" s="102"/>
      <c r="IT1" s="102"/>
      <c r="IU1" s="102"/>
      <c r="IV1" s="102"/>
    </row>
    <row r="2" spans="1:256" ht="12" customHeight="1">
      <c r="A2" s="102"/>
      <c r="B2" s="102"/>
      <c r="C2" s="102"/>
      <c r="D2" s="102"/>
      <c r="E2" s="102"/>
      <c r="F2" s="102"/>
      <c r="G2" s="102"/>
      <c r="H2" s="102"/>
      <c r="I2" s="102"/>
      <c r="J2" s="102"/>
      <c r="K2" s="102"/>
      <c r="L2" s="102"/>
      <c r="M2" s="102"/>
      <c r="N2" s="102"/>
      <c r="O2" s="102"/>
      <c r="P2" s="102"/>
    </row>
    <row r="3" spans="1:256" ht="12" customHeight="1">
      <c r="A3" s="102"/>
      <c r="B3" s="102"/>
      <c r="C3" s="102"/>
      <c r="D3" s="102"/>
      <c r="E3" s="102"/>
      <c r="F3" s="102"/>
      <c r="G3" s="102"/>
      <c r="H3" s="102"/>
      <c r="I3" s="102"/>
      <c r="J3" s="102"/>
      <c r="K3" s="102"/>
      <c r="L3" s="102"/>
      <c r="M3" s="102"/>
      <c r="N3" s="102"/>
      <c r="O3" s="102"/>
      <c r="P3" s="102"/>
    </row>
    <row r="4" spans="1:256" ht="12" customHeight="1">
      <c r="A4" s="102"/>
      <c r="B4" s="102"/>
      <c r="C4" s="102"/>
      <c r="D4" s="102"/>
      <c r="E4" s="102"/>
      <c r="F4" s="102"/>
      <c r="G4" s="102"/>
      <c r="H4" s="102"/>
      <c r="I4" s="102"/>
      <c r="J4" s="102"/>
      <c r="K4" s="102"/>
      <c r="L4" s="102"/>
      <c r="M4" s="102"/>
      <c r="N4" s="102"/>
      <c r="O4" s="102"/>
      <c r="P4" s="102"/>
    </row>
    <row r="5" spans="1:256" ht="12" customHeight="1">
      <c r="A5" s="102"/>
      <c r="B5" s="102"/>
      <c r="C5" s="102"/>
      <c r="D5" s="102"/>
      <c r="E5" s="102"/>
      <c r="F5" s="102"/>
      <c r="G5" s="102"/>
      <c r="H5" s="102"/>
      <c r="I5" s="102"/>
      <c r="J5" s="102"/>
      <c r="K5" s="102"/>
      <c r="L5" s="102"/>
      <c r="M5" s="102"/>
      <c r="N5" s="102"/>
      <c r="O5" s="102"/>
      <c r="P5" s="102"/>
    </row>
    <row r="6" spans="1:256" ht="12" customHeight="1">
      <c r="A6" s="102"/>
      <c r="B6" s="102"/>
      <c r="C6" s="102"/>
      <c r="D6" s="102"/>
      <c r="E6" s="102"/>
      <c r="F6" s="102"/>
      <c r="G6" s="102"/>
      <c r="H6" s="102"/>
      <c r="I6" s="102"/>
      <c r="J6" s="102"/>
      <c r="K6" s="102"/>
      <c r="L6" s="102"/>
      <c r="M6" s="102"/>
      <c r="N6" s="102"/>
      <c r="O6" s="102"/>
      <c r="P6" s="102"/>
    </row>
    <row r="7" spans="1:256" ht="12" customHeight="1">
      <c r="A7" s="102"/>
      <c r="B7" s="102"/>
      <c r="C7" s="102"/>
      <c r="D7" s="102"/>
      <c r="E7" s="102"/>
      <c r="F7" s="102"/>
      <c r="G7" s="102"/>
      <c r="H7" s="102"/>
      <c r="I7" s="102"/>
      <c r="J7" s="102"/>
      <c r="K7" s="102"/>
      <c r="L7" s="102"/>
      <c r="M7" s="102"/>
      <c r="N7" s="102"/>
      <c r="O7" s="102"/>
      <c r="P7" s="102"/>
    </row>
    <row r="8" spans="1:256" ht="12" customHeight="1">
      <c r="A8" s="102"/>
      <c r="B8" s="102"/>
      <c r="C8" s="102"/>
      <c r="D8" s="102"/>
      <c r="E8" s="102"/>
      <c r="F8" s="102"/>
      <c r="G8" s="102"/>
      <c r="H8" s="102"/>
      <c r="I8" s="102"/>
      <c r="J8" s="102"/>
      <c r="K8" s="102"/>
      <c r="L8" s="102"/>
      <c r="M8" s="102"/>
      <c r="N8" s="102"/>
      <c r="O8" s="102"/>
      <c r="P8" s="102"/>
    </row>
    <row r="9" spans="1:256" ht="12" customHeight="1">
      <c r="A9" s="102"/>
      <c r="B9" s="102"/>
      <c r="C9" s="102"/>
      <c r="D9" s="102"/>
      <c r="E9" s="102"/>
      <c r="F9" s="102"/>
      <c r="G9" s="102"/>
      <c r="H9" s="102"/>
      <c r="I9" s="102"/>
      <c r="J9" s="102"/>
      <c r="K9" s="102"/>
      <c r="L9" s="102"/>
      <c r="M9" s="104" t="s">
        <v>143</v>
      </c>
      <c r="N9" s="102"/>
      <c r="O9" s="102"/>
      <c r="P9" s="102"/>
    </row>
    <row r="10" spans="1:256" ht="12" customHeight="1">
      <c r="A10" s="102"/>
      <c r="B10" s="102"/>
      <c r="C10" s="102"/>
      <c r="D10" s="102"/>
      <c r="E10" s="102"/>
      <c r="F10" s="102"/>
      <c r="G10" s="102"/>
      <c r="H10" s="102"/>
      <c r="I10" s="102"/>
      <c r="J10" s="102"/>
      <c r="K10" s="102"/>
      <c r="L10" s="102"/>
      <c r="M10" s="102"/>
      <c r="N10" s="102"/>
      <c r="O10" s="102"/>
      <c r="P10" s="102"/>
    </row>
    <row r="11" spans="1:256" ht="12" customHeight="1">
      <c r="A11" s="102"/>
      <c r="B11" s="102"/>
      <c r="C11" s="102"/>
      <c r="D11" s="102"/>
      <c r="E11" s="102"/>
      <c r="F11" s="102"/>
      <c r="G11" s="102"/>
      <c r="H11" s="102"/>
      <c r="I11" s="102"/>
      <c r="J11" s="102"/>
      <c r="K11" s="102"/>
      <c r="L11" s="102"/>
      <c r="M11" s="102"/>
      <c r="N11" s="102"/>
      <c r="O11" s="102"/>
      <c r="P11" s="102"/>
    </row>
    <row r="12" spans="1:256" ht="12" customHeight="1">
      <c r="A12" s="102"/>
      <c r="B12" s="102"/>
      <c r="C12" s="102"/>
      <c r="D12" s="102"/>
      <c r="E12" s="102"/>
      <c r="F12" s="102"/>
      <c r="G12" s="102"/>
      <c r="H12" s="102"/>
      <c r="I12" s="102"/>
      <c r="J12" s="102"/>
      <c r="K12" s="102"/>
      <c r="L12" s="102"/>
      <c r="M12" s="102"/>
      <c r="N12" s="102"/>
      <c r="O12" s="102"/>
      <c r="P12" s="102"/>
    </row>
    <row r="13" spans="1:256" ht="12" customHeight="1">
      <c r="A13" s="102"/>
      <c r="B13" s="102"/>
      <c r="C13" s="102"/>
      <c r="D13" s="102"/>
      <c r="E13" s="102"/>
      <c r="F13" s="102"/>
      <c r="G13" s="102"/>
      <c r="H13" s="102"/>
      <c r="I13" s="102"/>
      <c r="J13" s="102"/>
      <c r="K13" s="102"/>
      <c r="L13" s="102"/>
      <c r="M13" s="102"/>
      <c r="N13" s="102"/>
      <c r="O13" s="102"/>
      <c r="P13" s="102"/>
    </row>
    <row r="14" spans="1:256" ht="12" customHeight="1">
      <c r="A14" s="102"/>
      <c r="B14" s="102"/>
      <c r="C14" s="102"/>
      <c r="D14" s="102"/>
      <c r="E14" s="102"/>
      <c r="F14" s="102"/>
      <c r="G14" s="102"/>
      <c r="H14" s="102"/>
      <c r="I14" s="102"/>
      <c r="J14" s="102"/>
      <c r="K14" s="102"/>
      <c r="L14" s="102"/>
      <c r="M14" s="102"/>
      <c r="N14" s="102"/>
      <c r="O14" s="102"/>
      <c r="P14" s="102"/>
    </row>
    <row r="15" spans="1:256" ht="12" customHeight="1">
      <c r="A15" s="102"/>
      <c r="B15" s="102"/>
      <c r="C15" s="102"/>
      <c r="D15" s="102"/>
      <c r="E15" s="102"/>
      <c r="F15" s="102"/>
      <c r="G15" s="102"/>
      <c r="H15" s="105"/>
      <c r="I15" s="105"/>
      <c r="J15" s="102"/>
      <c r="K15" s="102"/>
      <c r="L15" s="102"/>
      <c r="M15" s="102"/>
      <c r="N15" s="102"/>
      <c r="O15" s="102"/>
      <c r="P15" s="102"/>
    </row>
    <row r="16" spans="1:256" ht="12" customHeight="1">
      <c r="A16" s="102"/>
      <c r="B16" s="102"/>
      <c r="C16" s="102"/>
      <c r="D16" s="102"/>
      <c r="E16" s="102"/>
      <c r="F16" s="102"/>
      <c r="G16" s="102"/>
      <c r="H16" s="105"/>
      <c r="I16" s="105"/>
      <c r="J16" s="102"/>
      <c r="K16" s="102"/>
      <c r="L16" s="102"/>
      <c r="M16" s="102"/>
      <c r="N16" s="102"/>
      <c r="O16" s="102"/>
      <c r="P16" s="102"/>
    </row>
    <row r="17" spans="1:16" ht="12" customHeight="1">
      <c r="A17" s="102"/>
      <c r="B17" s="102"/>
      <c r="C17" s="102"/>
      <c r="D17" s="102"/>
      <c r="E17" s="102"/>
      <c r="F17" s="102"/>
      <c r="G17" s="102"/>
      <c r="H17" s="102"/>
      <c r="I17" s="102"/>
      <c r="J17" s="102"/>
      <c r="K17" s="102"/>
      <c r="L17" s="102"/>
      <c r="M17" s="102"/>
      <c r="N17" s="102"/>
      <c r="O17" s="102"/>
      <c r="P17" s="102"/>
    </row>
    <row r="18" spans="1:16" ht="12" customHeight="1">
      <c r="A18" s="102"/>
      <c r="B18" s="102"/>
      <c r="C18" s="102"/>
      <c r="D18" s="102"/>
      <c r="E18" s="102"/>
      <c r="F18" s="102"/>
      <c r="G18" s="102"/>
      <c r="H18" s="102"/>
      <c r="I18" s="102"/>
      <c r="J18" s="102"/>
      <c r="K18" s="102"/>
      <c r="L18" s="102"/>
      <c r="M18" s="102"/>
      <c r="N18" s="102"/>
      <c r="O18" s="102"/>
      <c r="P18" s="102"/>
    </row>
    <row r="19" spans="1:16" ht="12" customHeight="1">
      <c r="A19" s="102"/>
      <c r="B19" s="102"/>
      <c r="C19" s="102"/>
      <c r="D19" s="102"/>
      <c r="E19" s="102"/>
      <c r="F19" s="102"/>
      <c r="G19" s="514"/>
      <c r="H19" s="105"/>
      <c r="I19" s="102"/>
      <c r="J19" s="102"/>
      <c r="K19" s="515"/>
      <c r="L19" s="515"/>
      <c r="M19" s="102"/>
      <c r="N19" s="102"/>
      <c r="O19" s="102"/>
      <c r="P19" s="102"/>
    </row>
    <row r="20" spans="1:16" ht="12" customHeight="1">
      <c r="A20" s="102"/>
      <c r="B20" s="102"/>
      <c r="C20" s="102"/>
      <c r="D20" s="102"/>
      <c r="E20" s="102"/>
      <c r="F20" s="102"/>
      <c r="G20" s="514"/>
      <c r="H20" s="105"/>
      <c r="I20" s="102"/>
      <c r="J20" s="102"/>
      <c r="K20" s="515"/>
      <c r="L20" s="515"/>
      <c r="M20" s="516" t="s">
        <v>7</v>
      </c>
      <c r="N20" s="516"/>
      <c r="O20" s="102"/>
      <c r="P20" s="102"/>
    </row>
    <row r="21" spans="1:16" ht="12" customHeight="1">
      <c r="A21" s="102"/>
      <c r="B21" s="102"/>
      <c r="C21" s="102"/>
      <c r="D21" s="102"/>
      <c r="E21" s="102"/>
      <c r="F21" s="102"/>
      <c r="G21" s="102"/>
      <c r="H21" s="102"/>
      <c r="I21" s="106"/>
      <c r="J21" s="102"/>
      <c r="K21" s="515"/>
      <c r="L21" s="515"/>
      <c r="M21" s="516"/>
      <c r="N21" s="516"/>
      <c r="O21" s="102"/>
      <c r="P21" s="102"/>
    </row>
    <row r="22" spans="1:16" ht="12" customHeight="1">
      <c r="A22" s="102"/>
      <c r="B22" s="102"/>
      <c r="C22" s="102"/>
      <c r="D22" s="102"/>
      <c r="E22" s="102"/>
      <c r="F22" s="102"/>
      <c r="G22" s="102"/>
      <c r="H22" s="102"/>
      <c r="I22" s="102"/>
      <c r="J22" s="102"/>
      <c r="K22" s="102"/>
      <c r="L22" s="102"/>
      <c r="M22" s="102"/>
      <c r="N22" s="102"/>
      <c r="O22" s="102"/>
      <c r="P22" s="102"/>
    </row>
    <row r="23" spans="1:16" ht="12" customHeight="1">
      <c r="A23" s="102"/>
      <c r="B23" s="102"/>
      <c r="C23" s="102"/>
      <c r="D23" s="102"/>
      <c r="E23" s="102"/>
      <c r="F23" s="102"/>
      <c r="G23" s="102"/>
      <c r="H23" s="102"/>
      <c r="I23" s="102"/>
      <c r="J23" s="102"/>
      <c r="K23" s="102"/>
      <c r="L23" s="102"/>
      <c r="M23" s="102"/>
      <c r="N23" s="102"/>
      <c r="O23" s="102"/>
      <c r="P23" s="102"/>
    </row>
    <row r="24" spans="1:16" ht="12" customHeight="1">
      <c r="A24" s="102"/>
      <c r="B24" s="102"/>
      <c r="C24" s="102"/>
      <c r="D24" s="102"/>
      <c r="E24" s="102"/>
      <c r="F24" s="102"/>
      <c r="G24" s="102"/>
      <c r="H24" s="102"/>
      <c r="I24" s="102"/>
      <c r="J24" s="102"/>
      <c r="K24" s="102"/>
      <c r="L24" s="102"/>
      <c r="M24" s="102"/>
      <c r="N24" s="102"/>
      <c r="O24" s="102"/>
      <c r="P24" s="102"/>
    </row>
    <row r="25" spans="1:16" ht="12" customHeight="1">
      <c r="A25" s="102"/>
      <c r="B25" s="102"/>
      <c r="C25" s="102"/>
      <c r="D25" s="102"/>
      <c r="E25" s="102"/>
      <c r="F25" s="102"/>
      <c r="G25" s="102"/>
      <c r="H25" s="102"/>
      <c r="I25" s="102"/>
      <c r="J25" s="102"/>
      <c r="K25" s="102"/>
      <c r="L25" s="102"/>
      <c r="M25" s="102"/>
      <c r="N25" s="102"/>
      <c r="O25" s="102"/>
      <c r="P25" s="102"/>
    </row>
    <row r="26" spans="1:16" ht="12" customHeight="1">
      <c r="A26" s="102"/>
      <c r="B26" s="102"/>
      <c r="C26" s="102"/>
      <c r="D26" s="102"/>
      <c r="E26" s="102"/>
      <c r="F26" s="102"/>
      <c r="G26" s="102"/>
      <c r="H26" s="102"/>
      <c r="I26" s="102"/>
      <c r="J26" s="102"/>
      <c r="K26" s="102"/>
      <c r="L26" s="102"/>
      <c r="M26" s="102"/>
      <c r="N26" s="102"/>
      <c r="O26" s="102"/>
      <c r="P26" s="102"/>
    </row>
    <row r="27" spans="1:16" ht="12" customHeight="1">
      <c r="A27" s="102"/>
      <c r="B27" s="102"/>
      <c r="C27" s="102"/>
      <c r="D27" s="102"/>
      <c r="E27" s="102"/>
      <c r="F27" s="102"/>
      <c r="G27" s="102"/>
      <c r="H27" s="102"/>
      <c r="I27" s="102"/>
      <c r="J27" s="102"/>
      <c r="K27" s="102"/>
      <c r="L27" s="102"/>
      <c r="M27" s="102"/>
      <c r="N27" s="102"/>
      <c r="O27" s="102"/>
      <c r="P27" s="102"/>
    </row>
    <row r="28" spans="1:16" ht="12" customHeight="1">
      <c r="A28" s="102"/>
      <c r="B28" s="102"/>
      <c r="C28" s="102"/>
      <c r="D28" s="102"/>
      <c r="E28" s="102"/>
      <c r="F28" s="102"/>
      <c r="G28" s="102"/>
      <c r="H28" s="102"/>
      <c r="I28" s="102"/>
      <c r="J28" s="102"/>
      <c r="K28" s="102"/>
      <c r="L28" s="102"/>
      <c r="M28" s="102"/>
      <c r="N28" s="102"/>
      <c r="O28" s="102"/>
      <c r="P28" s="102"/>
    </row>
    <row r="29" spans="1:16" ht="12" customHeight="1">
      <c r="A29" s="102"/>
      <c r="B29" s="102"/>
      <c r="C29" s="102"/>
      <c r="D29" s="102"/>
      <c r="E29" s="102"/>
      <c r="F29" s="102"/>
      <c r="G29" s="102"/>
      <c r="H29" s="102"/>
      <c r="I29" s="102"/>
      <c r="J29" s="107"/>
      <c r="K29" s="515"/>
      <c r="L29" s="515"/>
      <c r="M29" s="102"/>
      <c r="N29" s="102"/>
      <c r="O29" s="102"/>
      <c r="P29" s="102"/>
    </row>
    <row r="30" spans="1:16" ht="12" customHeight="1">
      <c r="A30" s="102"/>
      <c r="B30" s="102"/>
      <c r="C30" s="102"/>
      <c r="D30" s="102"/>
      <c r="E30" s="102"/>
      <c r="F30" s="102"/>
      <c r="G30" s="102"/>
      <c r="H30" s="102"/>
      <c r="I30" s="102"/>
      <c r="J30" s="107"/>
      <c r="K30" s="515"/>
      <c r="L30" s="515"/>
      <c r="M30" s="102"/>
      <c r="N30" s="102"/>
      <c r="O30" s="102"/>
      <c r="P30" s="102"/>
    </row>
    <row r="31" spans="1:16" ht="12" customHeight="1">
      <c r="A31" s="102"/>
      <c r="B31" s="102"/>
      <c r="C31" s="102"/>
      <c r="D31" s="102"/>
      <c r="E31" s="102"/>
      <c r="F31" s="102"/>
      <c r="G31" s="102"/>
      <c r="H31" s="102"/>
      <c r="I31" s="102"/>
      <c r="J31" s="107"/>
      <c r="K31" s="515"/>
      <c r="L31" s="515"/>
      <c r="M31" s="102"/>
      <c r="N31" s="102"/>
      <c r="O31" s="102"/>
      <c r="P31" s="102"/>
    </row>
    <row r="32" spans="1:16" ht="12" customHeight="1">
      <c r="A32" s="102"/>
      <c r="B32" s="102"/>
      <c r="C32" s="102"/>
      <c r="D32" s="102"/>
      <c r="E32" s="102"/>
      <c r="F32" s="102"/>
      <c r="G32" s="102"/>
      <c r="H32" s="102" t="s">
        <v>144</v>
      </c>
      <c r="I32" s="102"/>
      <c r="J32" s="102"/>
      <c r="K32" s="102"/>
      <c r="L32" s="102"/>
      <c r="M32" s="102"/>
      <c r="N32" s="102"/>
      <c r="O32" s="102"/>
      <c r="P32" s="102"/>
    </row>
    <row r="33" spans="1:16" ht="12" customHeight="1">
      <c r="A33" s="102"/>
      <c r="B33" s="102"/>
      <c r="C33" s="102"/>
      <c r="D33" s="102"/>
      <c r="E33" s="102"/>
      <c r="F33" s="102"/>
      <c r="G33" s="102"/>
      <c r="H33" s="102"/>
      <c r="I33" s="102"/>
      <c r="J33" s="515" t="s">
        <v>145</v>
      </c>
      <c r="K33" s="515"/>
      <c r="L33" s="102"/>
      <c r="M33" s="102"/>
      <c r="N33" s="102"/>
      <c r="O33" s="102"/>
      <c r="P33" s="102"/>
    </row>
    <row r="34" spans="1:16" ht="12" customHeight="1">
      <c r="A34" s="102"/>
      <c r="B34" s="102"/>
      <c r="C34" s="102"/>
      <c r="D34" s="102"/>
      <c r="E34" s="102"/>
      <c r="F34" s="102"/>
      <c r="G34" s="102"/>
      <c r="H34" s="102"/>
      <c r="I34" s="102"/>
      <c r="J34" s="102"/>
      <c r="K34" s="102"/>
      <c r="L34" s="106" t="s">
        <v>146</v>
      </c>
      <c r="M34" s="102"/>
      <c r="N34" s="102"/>
      <c r="O34" s="102"/>
      <c r="P34" s="102"/>
    </row>
    <row r="35" spans="1:16" ht="12" customHeight="1">
      <c r="A35" s="102"/>
      <c r="B35" s="102"/>
      <c r="C35" s="102"/>
      <c r="D35" s="102"/>
      <c r="E35" s="102"/>
      <c r="F35" s="102"/>
      <c r="G35" s="102"/>
      <c r="H35" s="515" t="s">
        <v>147</v>
      </c>
      <c r="I35" s="515"/>
      <c r="J35" s="102"/>
      <c r="K35" s="102"/>
      <c r="L35" s="102"/>
      <c r="M35" s="102"/>
      <c r="N35" s="102"/>
      <c r="O35" s="102"/>
      <c r="P35" s="102"/>
    </row>
    <row r="36" spans="1:16" ht="12" customHeight="1">
      <c r="A36" s="102"/>
      <c r="B36" s="102"/>
      <c r="C36" s="102"/>
      <c r="D36" s="102"/>
      <c r="E36" s="106" t="s">
        <v>148</v>
      </c>
      <c r="F36" s="102"/>
      <c r="G36" s="102"/>
      <c r="H36" s="102"/>
      <c r="I36" s="102"/>
      <c r="J36" s="102"/>
      <c r="K36" s="102"/>
      <c r="L36" s="102"/>
      <c r="M36" s="106" t="s">
        <v>149</v>
      </c>
      <c r="N36" s="102"/>
      <c r="O36" s="102"/>
      <c r="P36" s="102"/>
    </row>
    <row r="37" spans="1:16" ht="12" customHeight="1">
      <c r="A37" s="102"/>
      <c r="B37" s="102"/>
      <c r="C37" s="102"/>
      <c r="D37" s="102"/>
      <c r="E37" s="102"/>
      <c r="F37" s="102"/>
      <c r="G37" s="102"/>
      <c r="H37" s="515" t="s">
        <v>150</v>
      </c>
      <c r="I37" s="515"/>
      <c r="J37" s="102"/>
      <c r="K37" s="102"/>
      <c r="L37" s="102"/>
      <c r="M37" s="102"/>
      <c r="N37" s="102"/>
      <c r="O37" s="102"/>
      <c r="P37" s="102"/>
    </row>
    <row r="38" spans="1:16" ht="12" customHeight="1">
      <c r="A38" s="102"/>
      <c r="B38" s="102"/>
      <c r="C38" s="102"/>
      <c r="D38" s="102"/>
      <c r="E38" s="102"/>
      <c r="F38" s="102"/>
      <c r="G38" s="102"/>
      <c r="H38" s="106"/>
      <c r="I38" s="102"/>
      <c r="J38" s="102"/>
      <c r="K38" s="102"/>
      <c r="L38" s="102"/>
      <c r="M38" s="102"/>
      <c r="N38" s="102"/>
      <c r="O38" s="102"/>
      <c r="P38" s="102"/>
    </row>
    <row r="39" spans="1:16" ht="12" customHeight="1">
      <c r="A39" s="102"/>
      <c r="B39" s="102"/>
      <c r="C39" s="102"/>
      <c r="D39" s="102"/>
      <c r="E39" s="516" t="s">
        <v>151</v>
      </c>
      <c r="F39" s="516"/>
      <c r="G39" s="102"/>
      <c r="H39" s="108"/>
      <c r="I39" s="102"/>
      <c r="J39" s="102"/>
      <c r="K39" s="102"/>
      <c r="L39" s="102"/>
      <c r="M39" s="513" t="s">
        <v>152</v>
      </c>
      <c r="N39" s="513"/>
      <c r="O39" s="102"/>
      <c r="P39" s="102"/>
    </row>
    <row r="40" spans="1:16" ht="12" customHeight="1">
      <c r="A40" s="102"/>
      <c r="B40" s="102"/>
      <c r="C40" s="102"/>
      <c r="D40" s="102"/>
      <c r="E40" s="516"/>
      <c r="F40" s="516"/>
      <c r="G40" s="102"/>
      <c r="H40" s="109"/>
      <c r="I40" s="110" t="s">
        <v>153</v>
      </c>
      <c r="J40" s="102"/>
      <c r="K40" s="102"/>
      <c r="L40" s="102"/>
      <c r="M40" s="102"/>
      <c r="N40" s="102"/>
      <c r="O40" s="102"/>
      <c r="P40" s="102"/>
    </row>
    <row r="41" spans="1:16" ht="12" customHeight="1">
      <c r="A41" s="102"/>
      <c r="B41" s="102"/>
      <c r="C41" s="102"/>
      <c r="D41" s="102"/>
      <c r="E41" s="102"/>
      <c r="F41" s="102"/>
      <c r="G41" s="102"/>
      <c r="H41" s="111"/>
      <c r="I41" s="104"/>
      <c r="J41" s="102"/>
      <c r="K41" s="102"/>
      <c r="L41" s="102"/>
      <c r="M41" s="102"/>
      <c r="N41" s="514" t="s">
        <v>154</v>
      </c>
      <c r="O41" s="514"/>
      <c r="P41" s="112"/>
    </row>
    <row r="42" spans="1:16" ht="12" customHeight="1">
      <c r="A42" s="102"/>
      <c r="B42" s="102"/>
      <c r="C42" s="515" t="s">
        <v>155</v>
      </c>
      <c r="D42" s="515"/>
      <c r="E42" s="102"/>
      <c r="F42" s="102"/>
      <c r="G42" s="102"/>
      <c r="H42" s="109"/>
      <c r="I42" s="110" t="s">
        <v>156</v>
      </c>
      <c r="J42" s="102"/>
      <c r="K42" s="102"/>
      <c r="L42" s="102"/>
      <c r="M42" s="102"/>
      <c r="N42" s="102"/>
      <c r="O42" s="112"/>
      <c r="P42" s="112"/>
    </row>
    <row r="43" spans="1:16" ht="12" customHeight="1">
      <c r="A43" s="102"/>
      <c r="B43" s="102"/>
      <c r="C43" s="102"/>
      <c r="D43" s="102"/>
      <c r="E43" s="102"/>
      <c r="F43" s="102"/>
      <c r="G43" s="102"/>
      <c r="H43" s="111"/>
      <c r="I43" s="110"/>
      <c r="J43" s="102"/>
      <c r="K43" s="102"/>
      <c r="L43" s="102"/>
      <c r="M43" s="102"/>
      <c r="N43" s="102"/>
      <c r="O43" s="102"/>
      <c r="P43" s="102"/>
    </row>
    <row r="44" spans="1:16" ht="12" customHeight="1">
      <c r="A44" s="102"/>
      <c r="B44" s="102"/>
      <c r="C44" s="102"/>
      <c r="D44" s="102"/>
      <c r="E44" s="102"/>
      <c r="F44" s="102"/>
      <c r="G44" s="102"/>
      <c r="H44" s="109"/>
      <c r="I44" s="110" t="s">
        <v>157</v>
      </c>
      <c r="J44" s="102"/>
      <c r="K44" s="102"/>
      <c r="L44" s="102"/>
      <c r="M44" s="102"/>
      <c r="N44" s="102"/>
      <c r="O44" s="102"/>
      <c r="P44" s="102"/>
    </row>
    <row r="45" spans="1:16" ht="12" customHeight="1">
      <c r="A45" s="102"/>
      <c r="B45" s="102"/>
      <c r="C45" s="102"/>
      <c r="D45" s="102"/>
      <c r="E45" s="102"/>
      <c r="F45" s="102"/>
      <c r="G45" s="102"/>
      <c r="H45" s="111"/>
      <c r="I45" s="110"/>
      <c r="J45" s="102"/>
      <c r="K45" s="102"/>
      <c r="L45" s="102"/>
      <c r="M45" s="102"/>
      <c r="N45" s="102"/>
      <c r="O45" s="102"/>
      <c r="P45" s="102"/>
    </row>
    <row r="46" spans="1:16" ht="12" customHeight="1">
      <c r="A46" s="102"/>
      <c r="B46" s="102"/>
      <c r="C46" s="102"/>
      <c r="D46" s="102"/>
      <c r="E46" s="102"/>
      <c r="F46" s="102"/>
      <c r="G46" s="102"/>
      <c r="H46" s="109"/>
      <c r="I46" s="110" t="s">
        <v>158</v>
      </c>
      <c r="J46" s="102"/>
      <c r="K46" s="102"/>
      <c r="L46" s="102"/>
      <c r="M46" s="102"/>
      <c r="N46" s="102"/>
      <c r="O46" s="102"/>
      <c r="P46" s="102"/>
    </row>
    <row r="47" spans="1:16" ht="12" customHeight="1">
      <c r="A47" s="102"/>
      <c r="B47" s="102"/>
      <c r="C47" s="102"/>
      <c r="D47" s="102"/>
      <c r="E47" s="102"/>
      <c r="F47" s="102"/>
      <c r="G47" s="102"/>
      <c r="H47" s="111"/>
      <c r="I47" s="102"/>
      <c r="J47" s="102"/>
      <c r="K47" s="102"/>
      <c r="L47" s="102"/>
      <c r="M47" s="102"/>
      <c r="N47" s="104" t="s">
        <v>159</v>
      </c>
      <c r="O47" s="102"/>
      <c r="P47" s="102"/>
    </row>
    <row r="48" spans="1:16" ht="12" customHeight="1">
      <c r="A48" s="102"/>
      <c r="B48" s="102"/>
      <c r="C48" s="102"/>
      <c r="D48" s="102"/>
      <c r="E48" s="102"/>
      <c r="F48" s="515" t="s">
        <v>160</v>
      </c>
      <c r="G48" s="515"/>
      <c r="H48" s="109"/>
      <c r="I48" s="110" t="s">
        <v>161</v>
      </c>
      <c r="J48" s="102"/>
      <c r="K48" s="102"/>
      <c r="L48" s="102"/>
      <c r="M48" s="102"/>
      <c r="N48" s="104" t="s">
        <v>162</v>
      </c>
      <c r="O48" s="102"/>
      <c r="P48" s="102"/>
    </row>
    <row r="49" spans="1:16" ht="12" customHeight="1">
      <c r="A49" s="102"/>
      <c r="B49" s="102"/>
      <c r="C49" s="102"/>
      <c r="D49" s="102"/>
      <c r="E49" s="102"/>
      <c r="F49" s="102"/>
      <c r="G49" s="102"/>
      <c r="H49" s="111"/>
      <c r="I49" s="102"/>
      <c r="J49" s="102"/>
      <c r="K49" s="102"/>
      <c r="L49" s="102"/>
      <c r="M49" s="102"/>
      <c r="N49" s="104" t="s">
        <v>163</v>
      </c>
      <c r="O49" s="102"/>
      <c r="P49" s="102"/>
    </row>
    <row r="50" spans="1:16" ht="12" customHeight="1">
      <c r="A50" s="102"/>
      <c r="B50" s="102"/>
      <c r="C50" s="102"/>
      <c r="D50" s="102"/>
      <c r="E50" s="102"/>
      <c r="F50" s="102"/>
      <c r="G50" s="102"/>
      <c r="H50" s="109"/>
      <c r="I50" s="110" t="s">
        <v>164</v>
      </c>
      <c r="J50" s="102"/>
      <c r="K50" s="102"/>
      <c r="L50" s="102"/>
      <c r="M50" s="102"/>
      <c r="N50" s="102"/>
      <c r="O50" s="102"/>
      <c r="P50" s="102"/>
    </row>
    <row r="51" spans="1:16" ht="12" customHeight="1">
      <c r="A51" s="102"/>
      <c r="B51" s="102"/>
      <c r="C51" s="102"/>
      <c r="D51" s="102"/>
      <c r="E51" s="102"/>
      <c r="F51" s="102"/>
      <c r="G51" s="102"/>
      <c r="H51" s="111"/>
      <c r="I51" s="102"/>
      <c r="J51" s="102"/>
      <c r="K51" s="102"/>
      <c r="L51" s="102"/>
      <c r="M51" s="102"/>
      <c r="N51" s="102"/>
      <c r="O51" s="102"/>
      <c r="P51" s="102"/>
    </row>
    <row r="52" spans="1:16" ht="12" customHeight="1">
      <c r="A52" s="102"/>
      <c r="B52" s="102"/>
      <c r="C52" s="102"/>
      <c r="D52" s="102"/>
      <c r="E52" s="102"/>
      <c r="F52" s="102"/>
      <c r="G52" s="102"/>
      <c r="H52" s="109"/>
      <c r="I52" s="110" t="s">
        <v>165</v>
      </c>
      <c r="J52" s="102"/>
      <c r="K52" s="102"/>
      <c r="L52" s="102"/>
      <c r="M52" s="102"/>
      <c r="N52" s="102"/>
      <c r="O52" s="102"/>
      <c r="P52" s="102"/>
    </row>
    <row r="53" spans="1:16" ht="12" customHeight="1">
      <c r="A53" s="102"/>
      <c r="B53" s="102"/>
      <c r="C53" s="102"/>
      <c r="D53" s="102"/>
      <c r="E53" s="102"/>
      <c r="F53" s="102"/>
      <c r="G53" s="102"/>
      <c r="H53" s="102"/>
      <c r="I53" s="102"/>
      <c r="J53" s="102"/>
      <c r="K53" s="102"/>
      <c r="L53" s="102"/>
      <c r="M53" s="102"/>
      <c r="N53" s="102"/>
      <c r="O53" s="102"/>
      <c r="P53" s="102"/>
    </row>
    <row r="54" spans="1:16" ht="12" customHeight="1">
      <c r="A54" s="102"/>
      <c r="B54" s="102"/>
      <c r="C54" s="102"/>
      <c r="D54" s="102"/>
      <c r="E54" s="102"/>
      <c r="F54" s="102"/>
      <c r="G54" s="102"/>
      <c r="H54" s="102"/>
      <c r="I54" s="102"/>
      <c r="J54" s="102"/>
      <c r="K54" s="102"/>
      <c r="L54" s="102"/>
      <c r="M54" s="102"/>
      <c r="N54" s="102"/>
      <c r="O54" s="102"/>
      <c r="P54" s="102"/>
    </row>
    <row r="55" spans="1:16" ht="12" customHeight="1">
      <c r="A55" s="102"/>
      <c r="B55" s="102"/>
      <c r="C55" s="102"/>
      <c r="D55" s="102"/>
      <c r="E55" s="102"/>
      <c r="F55" s="102"/>
      <c r="G55" s="102"/>
      <c r="H55" s="102"/>
      <c r="I55" s="102"/>
      <c r="J55" s="102"/>
      <c r="K55" s="102"/>
      <c r="L55" s="102"/>
      <c r="M55" s="102"/>
      <c r="N55" s="102"/>
      <c r="O55" s="102"/>
      <c r="P55" s="102"/>
    </row>
    <row r="56" spans="1:16" ht="12" customHeight="1">
      <c r="A56" s="102"/>
      <c r="B56" s="102"/>
      <c r="C56" s="102"/>
      <c r="D56" s="102"/>
      <c r="E56" s="102"/>
      <c r="F56" s="102"/>
      <c r="G56" s="102"/>
      <c r="H56" s="102"/>
      <c r="I56" s="102"/>
      <c r="J56" s="102"/>
      <c r="K56" s="102"/>
      <c r="L56" s="102"/>
      <c r="M56" s="102"/>
      <c r="N56" s="102"/>
      <c r="O56" s="102"/>
      <c r="P56" s="102"/>
    </row>
    <row r="57" spans="1:16" ht="12" customHeight="1">
      <c r="A57" s="102"/>
      <c r="B57" s="102"/>
      <c r="C57" s="102"/>
      <c r="D57" s="102"/>
      <c r="E57" s="102"/>
      <c r="F57" s="102"/>
      <c r="G57" s="102"/>
      <c r="H57" s="102"/>
      <c r="I57" s="102"/>
      <c r="J57" s="102"/>
      <c r="K57" s="102"/>
      <c r="L57" s="102"/>
      <c r="M57" s="102"/>
      <c r="N57" s="102"/>
      <c r="O57" s="102"/>
      <c r="P57" s="102"/>
    </row>
    <row r="58" spans="1:16" ht="12" customHeight="1">
      <c r="A58" s="102"/>
      <c r="B58" s="102"/>
      <c r="C58" s="102"/>
      <c r="D58" s="102"/>
      <c r="E58" s="102"/>
      <c r="F58" s="102"/>
      <c r="G58" s="102"/>
      <c r="H58" s="102"/>
      <c r="I58" s="102"/>
      <c r="J58" s="102"/>
      <c r="K58" s="102"/>
      <c r="L58" s="102"/>
      <c r="M58" s="102"/>
      <c r="N58" s="102"/>
      <c r="O58" s="102"/>
      <c r="P58" s="102"/>
    </row>
    <row r="59" spans="1:16" ht="12" customHeight="1">
      <c r="A59" s="102"/>
      <c r="B59" s="113"/>
      <c r="C59" s="102"/>
      <c r="D59" s="102"/>
      <c r="E59" s="102"/>
      <c r="F59" s="102"/>
      <c r="G59" s="102"/>
      <c r="H59" s="102"/>
      <c r="I59" s="102"/>
      <c r="J59" s="102"/>
      <c r="K59" s="102"/>
      <c r="L59" s="102"/>
      <c r="M59" s="102"/>
      <c r="N59" s="102"/>
      <c r="O59" s="102"/>
      <c r="P59" s="102"/>
    </row>
    <row r="60" spans="1:16" ht="12" customHeight="1">
      <c r="A60" s="102"/>
      <c r="B60" s="102"/>
      <c r="C60" s="102"/>
      <c r="D60" s="102"/>
      <c r="E60" s="102"/>
      <c r="F60" s="102"/>
      <c r="G60" s="102"/>
      <c r="H60" s="102"/>
      <c r="I60" s="102"/>
      <c r="J60" s="102"/>
      <c r="K60" s="102"/>
      <c r="L60" s="102"/>
      <c r="M60" s="102"/>
      <c r="N60" s="102"/>
      <c r="O60" s="102"/>
      <c r="P60" s="102"/>
    </row>
    <row r="61" spans="1:16" ht="12" customHeight="1">
      <c r="A61" s="102"/>
      <c r="B61" s="102"/>
      <c r="C61" s="102"/>
      <c r="D61" s="102"/>
      <c r="E61" s="102"/>
      <c r="F61" s="102"/>
      <c r="G61" s="102"/>
      <c r="H61" s="102"/>
      <c r="I61" s="102"/>
      <c r="J61" s="102"/>
      <c r="K61" s="102"/>
      <c r="L61" s="102"/>
      <c r="M61" s="102"/>
      <c r="N61" s="102"/>
      <c r="O61" s="102"/>
      <c r="P61" s="102"/>
    </row>
    <row r="62" spans="1:16" ht="12" customHeight="1">
      <c r="A62" s="102"/>
      <c r="B62" s="102"/>
      <c r="C62" s="102"/>
      <c r="D62" s="102"/>
      <c r="E62" s="102"/>
      <c r="F62" s="102"/>
      <c r="G62" s="102"/>
      <c r="H62" s="102"/>
      <c r="I62" s="102"/>
      <c r="J62" s="102"/>
      <c r="K62" s="102"/>
      <c r="L62" s="102"/>
      <c r="M62" s="102"/>
      <c r="N62" s="102"/>
      <c r="O62" s="102"/>
      <c r="P62" s="102"/>
    </row>
    <row r="63" spans="1:16" ht="12" customHeight="1">
      <c r="A63" s="102"/>
      <c r="B63" s="102"/>
      <c r="C63" s="102"/>
      <c r="D63" s="102"/>
      <c r="E63" s="102"/>
      <c r="F63" s="102"/>
      <c r="G63" s="102"/>
      <c r="H63" s="102"/>
      <c r="I63" s="102"/>
      <c r="J63" s="102"/>
      <c r="K63" s="102"/>
      <c r="L63" s="102"/>
      <c r="M63" s="102"/>
      <c r="N63" s="102"/>
      <c r="O63" s="102"/>
      <c r="P63" s="102"/>
    </row>
  </sheetData>
  <mergeCells count="16">
    <mergeCell ref="K29:L29"/>
    <mergeCell ref="G19:G20"/>
    <mergeCell ref="K19:L19"/>
    <mergeCell ref="K20:L20"/>
    <mergeCell ref="M20:N21"/>
    <mergeCell ref="K21:L21"/>
    <mergeCell ref="M39:N39"/>
    <mergeCell ref="N41:O41"/>
    <mergeCell ref="C42:D42"/>
    <mergeCell ref="F48:G48"/>
    <mergeCell ref="K30:L30"/>
    <mergeCell ref="K31:L31"/>
    <mergeCell ref="J33:K33"/>
    <mergeCell ref="H35:I35"/>
    <mergeCell ref="H37:I37"/>
    <mergeCell ref="E39:F40"/>
  </mergeCells>
  <phoneticPr fontId="5"/>
  <printOptions verticalCentered="1"/>
  <pageMargins left="0.59055118110236227" right="0.59055118110236227" top="0.74803149606299213" bottom="0.47244094488188981" header="0.51181102362204722" footer="0.27559055118110237"/>
  <pageSetup paperSize="9" scale="65" orientation="portrait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A1:AA59"/>
  <sheetViews>
    <sheetView zoomScaleNormal="100" zoomScaleSheetLayoutView="84" workbookViewId="0">
      <pane xSplit="1" ySplit="6" topLeftCell="B7" activePane="bottomRight" state="frozen"/>
      <selection activeCell="B30" sqref="B30:C30"/>
      <selection pane="topRight" activeCell="B30" sqref="B30:C30"/>
      <selection pane="bottomLeft" activeCell="B30" sqref="B30:C30"/>
      <selection pane="bottomRight" activeCell="W45" sqref="W45"/>
    </sheetView>
  </sheetViews>
  <sheetFormatPr defaultColWidth="9" defaultRowHeight="16.5" customHeight="1"/>
  <cols>
    <col min="1" max="1" width="13.75" style="256" customWidth="1"/>
    <col min="2" max="2" width="12" style="257" customWidth="1"/>
    <col min="3" max="3" width="10.625" style="256" customWidth="1"/>
    <col min="4" max="4" width="5.75" style="256" customWidth="1"/>
    <col min="5" max="5" width="9.625" style="118" customWidth="1"/>
    <col min="6" max="6" width="5.75" style="118" customWidth="1"/>
    <col min="7" max="7" width="10.625" style="118" customWidth="1"/>
    <col min="8" max="8" width="6.625" style="118" customWidth="1"/>
    <col min="9" max="9" width="8.625" style="118" customWidth="1"/>
    <col min="10" max="10" width="7.5" style="118" bestFit="1" customWidth="1"/>
    <col min="11" max="11" width="10.625" style="118" customWidth="1"/>
    <col min="12" max="12" width="6.75" style="118" bestFit="1" customWidth="1"/>
    <col min="13" max="13" width="8.125" style="118" customWidth="1"/>
    <col min="14" max="14" width="5.125" style="118" customWidth="1"/>
    <col min="15" max="15" width="8.875" style="118" customWidth="1"/>
    <col min="16" max="16" width="5.75" style="118" customWidth="1"/>
    <col min="17" max="17" width="9.125" style="118" customWidth="1"/>
    <col min="18" max="18" width="5.75" style="118" customWidth="1"/>
    <col min="19" max="19" width="9.125" style="118" customWidth="1"/>
    <col min="20" max="20" width="5.75" style="118" customWidth="1"/>
    <col min="21" max="21" width="2.375" style="118" customWidth="1"/>
    <col min="22" max="22" width="8.375" style="118" customWidth="1"/>
    <col min="23" max="23" width="10" style="118" customWidth="1"/>
    <col min="24" max="24" width="8" style="118" customWidth="1"/>
    <col min="25" max="25" width="8.625" style="118" customWidth="1"/>
    <col min="26" max="26" width="1.25" style="118" customWidth="1"/>
    <col min="27" max="16384" width="9" style="118"/>
  </cols>
  <sheetData>
    <row r="1" spans="1:26" ht="16.5" customHeight="1">
      <c r="A1" s="114" t="s">
        <v>166</v>
      </c>
      <c r="B1" s="115"/>
      <c r="C1" s="116"/>
      <c r="D1" s="116"/>
      <c r="E1" s="117"/>
      <c r="F1" s="117"/>
    </row>
    <row r="2" spans="1:26" ht="9" customHeight="1">
      <c r="A2" s="117"/>
      <c r="B2" s="119"/>
      <c r="C2" s="117"/>
      <c r="D2" s="117"/>
      <c r="E2" s="117"/>
      <c r="F2" s="117"/>
    </row>
    <row r="3" spans="1:26" s="123" customFormat="1" ht="16.5" customHeight="1" thickBot="1">
      <c r="A3" s="430" t="s">
        <v>167</v>
      </c>
      <c r="B3" s="121"/>
      <c r="C3" s="122"/>
      <c r="D3" s="122"/>
      <c r="P3" s="534" t="s">
        <v>168</v>
      </c>
      <c r="Q3" s="534"/>
      <c r="R3" s="534"/>
      <c r="S3" s="534"/>
      <c r="T3" s="534"/>
    </row>
    <row r="4" spans="1:26" s="125" customFormat="1" ht="15.75" customHeight="1">
      <c r="A4" s="522" t="s">
        <v>169</v>
      </c>
      <c r="B4" s="525" t="s">
        <v>170</v>
      </c>
      <c r="C4" s="528" t="s">
        <v>171</v>
      </c>
      <c r="D4" s="124"/>
      <c r="E4" s="531" t="s">
        <v>172</v>
      </c>
      <c r="F4" s="532"/>
      <c r="G4" s="532"/>
      <c r="H4" s="532"/>
      <c r="I4" s="532"/>
      <c r="J4" s="532"/>
      <c r="K4" s="532"/>
      <c r="L4" s="533"/>
      <c r="M4" s="531" t="s">
        <v>173</v>
      </c>
      <c r="N4" s="532"/>
      <c r="O4" s="532"/>
      <c r="P4" s="532"/>
      <c r="Q4" s="532"/>
      <c r="R4" s="532"/>
      <c r="S4" s="532"/>
      <c r="T4" s="533"/>
    </row>
    <row r="5" spans="1:26" s="125" customFormat="1" ht="15.75" customHeight="1">
      <c r="A5" s="523" t="s">
        <v>174</v>
      </c>
      <c r="B5" s="526"/>
      <c r="C5" s="529"/>
      <c r="D5" s="126" t="s">
        <v>175</v>
      </c>
      <c r="E5" s="127" t="s">
        <v>176</v>
      </c>
      <c r="F5" s="128"/>
      <c r="G5" s="129" t="s">
        <v>177</v>
      </c>
      <c r="H5" s="128"/>
      <c r="I5" s="130" t="s">
        <v>178</v>
      </c>
      <c r="J5" s="128"/>
      <c r="K5" s="130" t="s">
        <v>179</v>
      </c>
      <c r="L5" s="131"/>
      <c r="M5" s="127" t="s">
        <v>176</v>
      </c>
      <c r="N5" s="128"/>
      <c r="O5" s="129" t="s">
        <v>177</v>
      </c>
      <c r="P5" s="128"/>
      <c r="Q5" s="130" t="s">
        <v>178</v>
      </c>
      <c r="R5" s="128"/>
      <c r="S5" s="130" t="s">
        <v>179</v>
      </c>
      <c r="T5" s="131"/>
      <c r="U5" s="519" t="s">
        <v>180</v>
      </c>
      <c r="V5" s="520"/>
      <c r="W5" s="520"/>
      <c r="X5" s="520"/>
      <c r="Y5" s="520"/>
      <c r="Z5" s="520"/>
    </row>
    <row r="6" spans="1:26" s="125" customFormat="1" ht="15.75" customHeight="1" thickBot="1">
      <c r="A6" s="524"/>
      <c r="B6" s="527"/>
      <c r="C6" s="530"/>
      <c r="D6" s="132" t="s">
        <v>181</v>
      </c>
      <c r="E6" s="133" t="s">
        <v>182</v>
      </c>
      <c r="F6" s="423" t="s">
        <v>183</v>
      </c>
      <c r="G6" s="134" t="s">
        <v>184</v>
      </c>
      <c r="H6" s="423" t="s">
        <v>183</v>
      </c>
      <c r="I6" s="135"/>
      <c r="J6" s="423" t="s">
        <v>183</v>
      </c>
      <c r="K6" s="423"/>
      <c r="L6" s="136" t="s">
        <v>183</v>
      </c>
      <c r="M6" s="133" t="s">
        <v>182</v>
      </c>
      <c r="N6" s="423" t="s">
        <v>183</v>
      </c>
      <c r="O6" s="134" t="s">
        <v>184</v>
      </c>
      <c r="P6" s="423" t="s">
        <v>183</v>
      </c>
      <c r="Q6" s="135"/>
      <c r="R6" s="423" t="s">
        <v>183</v>
      </c>
      <c r="S6" s="135"/>
      <c r="T6" s="137" t="s">
        <v>183</v>
      </c>
      <c r="U6" s="519" t="s">
        <v>185</v>
      </c>
      <c r="V6" s="520"/>
      <c r="W6" s="520"/>
      <c r="X6" s="520"/>
      <c r="Y6" s="520"/>
      <c r="Z6" s="520"/>
    </row>
    <row r="7" spans="1:26" ht="15" customHeight="1">
      <c r="A7" s="138" t="s">
        <v>7</v>
      </c>
      <c r="B7" s="139">
        <v>2009287000</v>
      </c>
      <c r="C7" s="140">
        <v>47036881</v>
      </c>
      <c r="D7" s="141">
        <v>2.3409737384455283</v>
      </c>
      <c r="E7" s="139">
        <v>7138836</v>
      </c>
      <c r="F7" s="142">
        <v>15.177103260737038</v>
      </c>
      <c r="G7" s="143">
        <v>37203619</v>
      </c>
      <c r="H7" s="144">
        <v>79.094570492461017</v>
      </c>
      <c r="I7" s="140">
        <v>1797522</v>
      </c>
      <c r="J7" s="144">
        <v>3.8215161417696897</v>
      </c>
      <c r="K7" s="145">
        <v>46139977</v>
      </c>
      <c r="L7" s="146">
        <v>98.093189894967736</v>
      </c>
      <c r="M7" s="326">
        <v>0</v>
      </c>
      <c r="N7" s="147">
        <v>0</v>
      </c>
      <c r="O7" s="145">
        <v>867666</v>
      </c>
      <c r="P7" s="147">
        <v>1.8446503712693025</v>
      </c>
      <c r="Q7" s="145">
        <v>29238</v>
      </c>
      <c r="R7" s="147">
        <v>6.2159733762959322E-2</v>
      </c>
      <c r="S7" s="145">
        <v>896904</v>
      </c>
      <c r="T7" s="148">
        <v>1.9068101050322619</v>
      </c>
      <c r="U7" s="521"/>
      <c r="V7" s="520"/>
      <c r="W7" s="520"/>
      <c r="X7" s="520"/>
      <c r="Y7" s="520"/>
      <c r="Z7" s="520"/>
    </row>
    <row r="8" spans="1:26" ht="15" customHeight="1">
      <c r="A8" s="149" t="s">
        <v>11</v>
      </c>
      <c r="B8" s="150">
        <v>862154000</v>
      </c>
      <c r="C8" s="151">
        <v>20737158</v>
      </c>
      <c r="D8" s="152">
        <v>2.4052730718641913</v>
      </c>
      <c r="E8" s="153">
        <v>3403140</v>
      </c>
      <c r="F8" s="154">
        <v>16.410831223835011</v>
      </c>
      <c r="G8" s="155">
        <v>16349363</v>
      </c>
      <c r="H8" s="156">
        <v>78.840904814439867</v>
      </c>
      <c r="I8" s="157">
        <v>0</v>
      </c>
      <c r="J8" s="156">
        <v>0</v>
      </c>
      <c r="K8" s="155">
        <v>19752503</v>
      </c>
      <c r="L8" s="158">
        <v>95.251736038274871</v>
      </c>
      <c r="M8" s="215">
        <v>8840</v>
      </c>
      <c r="N8" s="156">
        <v>4.262879223855072E-2</v>
      </c>
      <c r="O8" s="155">
        <v>889130</v>
      </c>
      <c r="P8" s="156">
        <v>4.2876174256858146</v>
      </c>
      <c r="Q8" s="155">
        <v>86685</v>
      </c>
      <c r="R8" s="156">
        <v>0.41801774380076573</v>
      </c>
      <c r="S8" s="155">
        <v>984655</v>
      </c>
      <c r="T8" s="158">
        <v>4.7482639617251312</v>
      </c>
      <c r="U8" s="418" t="s">
        <v>186</v>
      </c>
      <c r="V8" s="417"/>
      <c r="W8" s="417"/>
      <c r="X8" s="417"/>
      <c r="Y8" s="417"/>
      <c r="Z8" s="417"/>
    </row>
    <row r="9" spans="1:26" ht="15" customHeight="1">
      <c r="A9" s="149" t="s">
        <v>13</v>
      </c>
      <c r="B9" s="153">
        <v>349624531</v>
      </c>
      <c r="C9" s="157">
        <v>10496590</v>
      </c>
      <c r="D9" s="161">
        <v>3.0022464298993938</v>
      </c>
      <c r="E9" s="153">
        <v>331915</v>
      </c>
      <c r="F9" s="154">
        <v>3.1621221749158539</v>
      </c>
      <c r="G9" s="155">
        <v>9387088</v>
      </c>
      <c r="H9" s="156">
        <v>89.429881513901179</v>
      </c>
      <c r="I9" s="157">
        <v>141803</v>
      </c>
      <c r="J9" s="156">
        <v>1.3509434968880369</v>
      </c>
      <c r="K9" s="155">
        <v>9860806</v>
      </c>
      <c r="L9" s="158">
        <v>93.942947185705066</v>
      </c>
      <c r="M9" s="215">
        <v>68000</v>
      </c>
      <c r="N9" s="156">
        <v>0.64782943794127423</v>
      </c>
      <c r="O9" s="155">
        <v>487059</v>
      </c>
      <c r="P9" s="156">
        <v>4.640164091385869</v>
      </c>
      <c r="Q9" s="155">
        <v>80725</v>
      </c>
      <c r="R9" s="156">
        <v>0.76905928496778475</v>
      </c>
      <c r="S9" s="155">
        <v>635784</v>
      </c>
      <c r="T9" s="158">
        <v>6.057052814294928</v>
      </c>
      <c r="U9" s="418" t="s">
        <v>187</v>
      </c>
      <c r="V9" s="417"/>
      <c r="W9" s="417"/>
      <c r="X9" s="417"/>
      <c r="Y9" s="417"/>
      <c r="Z9" s="417"/>
    </row>
    <row r="10" spans="1:26" ht="15" customHeight="1">
      <c r="A10" s="149" t="s">
        <v>15</v>
      </c>
      <c r="B10" s="153">
        <v>171999984</v>
      </c>
      <c r="C10" s="157">
        <v>6658201</v>
      </c>
      <c r="D10" s="161">
        <v>3.8710474531206933</v>
      </c>
      <c r="E10" s="153">
        <v>130250</v>
      </c>
      <c r="F10" s="154">
        <v>1.9562341239022372</v>
      </c>
      <c r="G10" s="155">
        <v>5789884</v>
      </c>
      <c r="H10" s="156">
        <v>86.958684485493905</v>
      </c>
      <c r="I10" s="157">
        <v>333395</v>
      </c>
      <c r="J10" s="156">
        <v>5.0072834989511428</v>
      </c>
      <c r="K10" s="155">
        <v>6253529</v>
      </c>
      <c r="L10" s="158">
        <v>93.922202108347292</v>
      </c>
      <c r="M10" s="215">
        <v>0</v>
      </c>
      <c r="N10" s="156">
        <v>0</v>
      </c>
      <c r="O10" s="155">
        <v>371318</v>
      </c>
      <c r="P10" s="156">
        <v>5.576851765214057</v>
      </c>
      <c r="Q10" s="155">
        <v>33354</v>
      </c>
      <c r="R10" s="156">
        <v>0.5009461264386581</v>
      </c>
      <c r="S10" s="155">
        <v>404672</v>
      </c>
      <c r="T10" s="158">
        <v>6.0777978916527147</v>
      </c>
      <c r="U10" s="418"/>
      <c r="V10" s="162" t="s">
        <v>188</v>
      </c>
      <c r="W10" s="162" t="s">
        <v>189</v>
      </c>
      <c r="X10" s="162" t="s">
        <v>190</v>
      </c>
      <c r="Y10" s="162" t="s">
        <v>96</v>
      </c>
      <c r="Z10" s="417"/>
    </row>
    <row r="11" spans="1:26" ht="15" customHeight="1" thickBot="1">
      <c r="A11" s="163" t="s">
        <v>17</v>
      </c>
      <c r="B11" s="153">
        <v>108356251</v>
      </c>
      <c r="C11" s="157">
        <v>3367156</v>
      </c>
      <c r="D11" s="161">
        <v>3.1074866183770053</v>
      </c>
      <c r="E11" s="153">
        <v>0</v>
      </c>
      <c r="F11" s="164">
        <v>0</v>
      </c>
      <c r="G11" s="165">
        <v>3077377</v>
      </c>
      <c r="H11" s="164">
        <v>91.39395382928501</v>
      </c>
      <c r="I11" s="157">
        <v>175549</v>
      </c>
      <c r="J11" s="164">
        <v>5.2135689584919733</v>
      </c>
      <c r="K11" s="155">
        <v>3252926</v>
      </c>
      <c r="L11" s="166">
        <v>96.607522787776986</v>
      </c>
      <c r="M11" s="215">
        <v>0</v>
      </c>
      <c r="N11" s="156">
        <v>0</v>
      </c>
      <c r="O11" s="155">
        <v>111544</v>
      </c>
      <c r="P11" s="156">
        <v>3.3127066283831219</v>
      </c>
      <c r="Q11" s="155">
        <v>2686</v>
      </c>
      <c r="R11" s="156">
        <v>7.9770583839893369E-2</v>
      </c>
      <c r="S11" s="155">
        <v>114230</v>
      </c>
      <c r="T11" s="158">
        <v>3.3924772122230156</v>
      </c>
      <c r="U11" s="417"/>
      <c r="V11" s="167" t="s">
        <v>191</v>
      </c>
      <c r="W11" s="517">
        <v>725760</v>
      </c>
      <c r="X11" s="517">
        <v>0</v>
      </c>
      <c r="Y11" s="517">
        <v>725760</v>
      </c>
      <c r="Z11" s="417"/>
    </row>
    <row r="12" spans="1:26" ht="15" customHeight="1">
      <c r="A12" s="138" t="s">
        <v>19</v>
      </c>
      <c r="B12" s="139">
        <v>73844467</v>
      </c>
      <c r="C12" s="140">
        <v>4307027</v>
      </c>
      <c r="D12" s="141">
        <v>5.8325656274287958</v>
      </c>
      <c r="E12" s="139">
        <v>38897</v>
      </c>
      <c r="F12" s="142">
        <v>0.90310555285583305</v>
      </c>
      <c r="G12" s="420">
        <v>4005404</v>
      </c>
      <c r="H12" s="144">
        <v>92.996955904850381</v>
      </c>
      <c r="I12" s="140">
        <v>158084</v>
      </c>
      <c r="J12" s="144">
        <v>3.6703740190159011</v>
      </c>
      <c r="K12" s="145">
        <v>4202385</v>
      </c>
      <c r="L12" s="146">
        <v>97.57043547672211</v>
      </c>
      <c r="M12" s="326">
        <v>0</v>
      </c>
      <c r="N12" s="147">
        <v>0</v>
      </c>
      <c r="O12" s="145">
        <v>104642</v>
      </c>
      <c r="P12" s="147">
        <v>2.42956452327789</v>
      </c>
      <c r="Q12" s="145">
        <v>0</v>
      </c>
      <c r="R12" s="147">
        <v>0</v>
      </c>
      <c r="S12" s="145">
        <v>104642</v>
      </c>
      <c r="T12" s="148">
        <v>2.42956452327789</v>
      </c>
      <c r="U12" s="417"/>
      <c r="V12" s="169" t="s">
        <v>192</v>
      </c>
      <c r="W12" s="518"/>
      <c r="X12" s="518"/>
      <c r="Y12" s="518"/>
      <c r="Z12" s="417"/>
    </row>
    <row r="13" spans="1:26" ht="15" customHeight="1">
      <c r="A13" s="149" t="s">
        <v>21</v>
      </c>
      <c r="B13" s="153">
        <v>175136438</v>
      </c>
      <c r="C13" s="157">
        <v>7412725</v>
      </c>
      <c r="D13" s="161">
        <v>4.2325429731533077</v>
      </c>
      <c r="E13" s="153">
        <v>156455</v>
      </c>
      <c r="F13" s="154">
        <v>2.1106273334030332</v>
      </c>
      <c r="G13" s="155">
        <v>7071255</v>
      </c>
      <c r="H13" s="156">
        <v>95.393461918525233</v>
      </c>
      <c r="I13" s="157">
        <v>0</v>
      </c>
      <c r="J13" s="156">
        <v>0</v>
      </c>
      <c r="K13" s="155">
        <v>7227710</v>
      </c>
      <c r="L13" s="158">
        <v>97.504089251928278</v>
      </c>
      <c r="M13" s="215">
        <v>48529</v>
      </c>
      <c r="N13" s="156">
        <v>0.65467152767706882</v>
      </c>
      <c r="O13" s="155">
        <v>136486</v>
      </c>
      <c r="P13" s="156">
        <v>1.8412392203946593</v>
      </c>
      <c r="Q13" s="155">
        <v>0</v>
      </c>
      <c r="R13" s="156">
        <v>0</v>
      </c>
      <c r="S13" s="155">
        <v>185015</v>
      </c>
      <c r="T13" s="158">
        <v>2.495910748071728</v>
      </c>
      <c r="U13" s="417"/>
      <c r="V13" s="170" t="s">
        <v>177</v>
      </c>
      <c r="W13" s="517">
        <v>2934070</v>
      </c>
      <c r="X13" s="517">
        <v>207250</v>
      </c>
      <c r="Y13" s="517">
        <v>3141320</v>
      </c>
      <c r="Z13" s="417"/>
    </row>
    <row r="14" spans="1:26" ht="15" customHeight="1">
      <c r="A14" s="149" t="s">
        <v>23</v>
      </c>
      <c r="B14" s="153">
        <v>83614072</v>
      </c>
      <c r="C14" s="157">
        <v>3053955</v>
      </c>
      <c r="D14" s="161">
        <v>3.6524414215827208</v>
      </c>
      <c r="E14" s="153">
        <v>276650</v>
      </c>
      <c r="F14" s="154">
        <v>9.058745135406383</v>
      </c>
      <c r="G14" s="155">
        <v>2269394</v>
      </c>
      <c r="H14" s="156">
        <v>74.310001293404781</v>
      </c>
      <c r="I14" s="157">
        <v>62881</v>
      </c>
      <c r="J14" s="156">
        <v>2.0590021791414741</v>
      </c>
      <c r="K14" s="155">
        <v>2608925</v>
      </c>
      <c r="L14" s="158">
        <v>85.427748607952637</v>
      </c>
      <c r="M14" s="215">
        <v>0</v>
      </c>
      <c r="N14" s="156">
        <v>0</v>
      </c>
      <c r="O14" s="155">
        <v>445030</v>
      </c>
      <c r="P14" s="156">
        <v>14.572251392047361</v>
      </c>
      <c r="Q14" s="155">
        <v>0</v>
      </c>
      <c r="R14" s="156">
        <v>0</v>
      </c>
      <c r="S14" s="155">
        <v>445030</v>
      </c>
      <c r="T14" s="158">
        <v>14.572251392047361</v>
      </c>
      <c r="U14" s="418"/>
      <c r="V14" s="171" t="s">
        <v>193</v>
      </c>
      <c r="W14" s="518"/>
      <c r="X14" s="518"/>
      <c r="Y14" s="518"/>
      <c r="Z14" s="418"/>
    </row>
    <row r="15" spans="1:26" ht="15" customHeight="1">
      <c r="A15" s="149" t="s">
        <v>25</v>
      </c>
      <c r="B15" s="153">
        <v>99268505</v>
      </c>
      <c r="C15" s="157">
        <v>4724076</v>
      </c>
      <c r="D15" s="161">
        <v>4.7588870206114215</v>
      </c>
      <c r="E15" s="153">
        <v>850300</v>
      </c>
      <c r="F15" s="154">
        <v>17.999287056347104</v>
      </c>
      <c r="G15" s="155">
        <v>3604746</v>
      </c>
      <c r="H15" s="156">
        <v>76.305842666375383</v>
      </c>
      <c r="I15" s="157">
        <v>535</v>
      </c>
      <c r="J15" s="156">
        <v>1.1324965982765729E-2</v>
      </c>
      <c r="K15" s="155">
        <v>4455581</v>
      </c>
      <c r="L15" s="158">
        <v>94.316454688705264</v>
      </c>
      <c r="M15" s="215">
        <v>0</v>
      </c>
      <c r="N15" s="156">
        <v>0</v>
      </c>
      <c r="O15" s="155">
        <v>268495</v>
      </c>
      <c r="P15" s="156">
        <v>5.6835453112947381</v>
      </c>
      <c r="Q15" s="155">
        <v>0</v>
      </c>
      <c r="R15" s="156">
        <v>0</v>
      </c>
      <c r="S15" s="155">
        <v>268495</v>
      </c>
      <c r="T15" s="158">
        <v>5.6835453112947381</v>
      </c>
      <c r="V15" s="536" t="s">
        <v>194</v>
      </c>
      <c r="W15" s="517">
        <v>3659830</v>
      </c>
      <c r="X15" s="517">
        <v>207250</v>
      </c>
      <c r="Y15" s="517">
        <v>3867080</v>
      </c>
    </row>
    <row r="16" spans="1:26" ht="15" customHeight="1" thickBot="1">
      <c r="A16" s="163" t="s">
        <v>27</v>
      </c>
      <c r="B16" s="153">
        <v>24312600</v>
      </c>
      <c r="C16" s="157">
        <v>1452596</v>
      </c>
      <c r="D16" s="161">
        <v>5.9746633432870198</v>
      </c>
      <c r="E16" s="153">
        <v>0</v>
      </c>
      <c r="F16" s="164">
        <v>0</v>
      </c>
      <c r="G16" s="165">
        <v>1450984</v>
      </c>
      <c r="H16" s="164">
        <v>99.889026267454966</v>
      </c>
      <c r="I16" s="157">
        <v>0</v>
      </c>
      <c r="J16" s="164">
        <v>0</v>
      </c>
      <c r="K16" s="155">
        <v>1450984</v>
      </c>
      <c r="L16" s="166">
        <v>99.889026267454966</v>
      </c>
      <c r="M16" s="283">
        <v>0</v>
      </c>
      <c r="N16" s="164">
        <v>0</v>
      </c>
      <c r="O16" s="155">
        <v>1612</v>
      </c>
      <c r="P16" s="156">
        <v>0.1109737325450435</v>
      </c>
      <c r="Q16" s="155">
        <v>0</v>
      </c>
      <c r="R16" s="156">
        <v>0</v>
      </c>
      <c r="S16" s="155">
        <v>1612</v>
      </c>
      <c r="T16" s="158">
        <v>0.1109737325450435</v>
      </c>
      <c r="V16" s="537"/>
      <c r="W16" s="518"/>
      <c r="X16" s="518"/>
      <c r="Y16" s="518"/>
      <c r="Z16" s="417"/>
    </row>
    <row r="17" spans="1:27" ht="15" customHeight="1">
      <c r="A17" s="138" t="s">
        <v>28</v>
      </c>
      <c r="B17" s="139">
        <v>20982260</v>
      </c>
      <c r="C17" s="140">
        <v>1318587</v>
      </c>
      <c r="D17" s="141">
        <v>6.2842944468327051</v>
      </c>
      <c r="E17" s="139">
        <v>13056</v>
      </c>
      <c r="F17" s="142">
        <v>0.99015082053743897</v>
      </c>
      <c r="G17" s="420">
        <v>827514</v>
      </c>
      <c r="H17" s="144">
        <v>62.757633739753238</v>
      </c>
      <c r="I17" s="140">
        <v>57225</v>
      </c>
      <c r="J17" s="144">
        <v>4.3398729094098458</v>
      </c>
      <c r="K17" s="145">
        <v>897795</v>
      </c>
      <c r="L17" s="146">
        <v>68.087657469700531</v>
      </c>
      <c r="M17" s="326">
        <v>0</v>
      </c>
      <c r="N17" s="425">
        <v>0</v>
      </c>
      <c r="O17" s="145">
        <v>420792</v>
      </c>
      <c r="P17" s="147">
        <v>31.91234253029948</v>
      </c>
      <c r="Q17" s="145">
        <v>0</v>
      </c>
      <c r="R17" s="147">
        <v>0</v>
      </c>
      <c r="S17" s="145">
        <v>420792</v>
      </c>
      <c r="T17" s="148">
        <v>31.91234253029948</v>
      </c>
      <c r="U17" s="172"/>
      <c r="V17" s="173"/>
      <c r="W17" s="174"/>
      <c r="X17" s="174"/>
      <c r="Y17" s="174"/>
      <c r="Z17" s="417"/>
    </row>
    <row r="18" spans="1:27" ht="15" customHeight="1">
      <c r="A18" s="149" t="s">
        <v>30</v>
      </c>
      <c r="B18" s="153">
        <v>59777320</v>
      </c>
      <c r="C18" s="157">
        <v>2112564</v>
      </c>
      <c r="D18" s="161">
        <v>3.5340560600575603</v>
      </c>
      <c r="E18" s="153">
        <v>20309</v>
      </c>
      <c r="F18" s="154">
        <v>0.96134365633419872</v>
      </c>
      <c r="G18" s="155">
        <v>2048502</v>
      </c>
      <c r="H18" s="156">
        <v>96.967571159974312</v>
      </c>
      <c r="I18" s="157">
        <v>16951</v>
      </c>
      <c r="J18" s="156">
        <v>0.80238989209320999</v>
      </c>
      <c r="K18" s="155">
        <v>2085762</v>
      </c>
      <c r="L18" s="158">
        <v>98.731304708401737</v>
      </c>
      <c r="M18" s="215">
        <v>0</v>
      </c>
      <c r="N18" s="156">
        <v>0</v>
      </c>
      <c r="O18" s="155">
        <v>26072</v>
      </c>
      <c r="P18" s="156">
        <v>1.234140125458921</v>
      </c>
      <c r="Q18" s="155">
        <v>730</v>
      </c>
      <c r="R18" s="156">
        <v>3.4555166139345367E-2</v>
      </c>
      <c r="S18" s="155">
        <v>26802</v>
      </c>
      <c r="T18" s="158">
        <v>1.2686952915982663</v>
      </c>
      <c r="U18" s="175" t="s">
        <v>195</v>
      </c>
      <c r="V18" s="535" t="s">
        <v>196</v>
      </c>
      <c r="W18" s="535"/>
      <c r="X18" s="535"/>
      <c r="Y18" s="535"/>
      <c r="Z18" s="417"/>
    </row>
    <row r="19" spans="1:27" ht="15" customHeight="1">
      <c r="A19" s="149" t="s">
        <v>32</v>
      </c>
      <c r="B19" s="153">
        <v>108812218</v>
      </c>
      <c r="C19" s="157">
        <v>4638173</v>
      </c>
      <c r="D19" s="161">
        <v>4.2625479796763264</v>
      </c>
      <c r="E19" s="153">
        <v>537544</v>
      </c>
      <c r="F19" s="154">
        <v>11.589563390585043</v>
      </c>
      <c r="G19" s="155">
        <v>3797589</v>
      </c>
      <c r="H19" s="156">
        <v>81.87682951886444</v>
      </c>
      <c r="I19" s="157">
        <v>118722</v>
      </c>
      <c r="J19" s="156">
        <v>2.5596716638210779</v>
      </c>
      <c r="K19" s="155">
        <v>4453855</v>
      </c>
      <c r="L19" s="158">
        <v>96.02606457327056</v>
      </c>
      <c r="M19" s="215">
        <v>0</v>
      </c>
      <c r="N19" s="156">
        <v>0</v>
      </c>
      <c r="O19" s="155">
        <v>184318</v>
      </c>
      <c r="P19" s="156">
        <v>3.9739354267294469</v>
      </c>
      <c r="Q19" s="155">
        <v>0</v>
      </c>
      <c r="R19" s="156">
        <v>0</v>
      </c>
      <c r="S19" s="155">
        <v>184318</v>
      </c>
      <c r="T19" s="158">
        <v>3.9739354267294469</v>
      </c>
      <c r="U19" s="176"/>
      <c r="V19" s="535"/>
      <c r="W19" s="535"/>
      <c r="X19" s="535"/>
      <c r="Y19" s="535"/>
    </row>
    <row r="20" spans="1:27" ht="15" customHeight="1">
      <c r="A20" s="149" t="s">
        <v>34</v>
      </c>
      <c r="B20" s="153">
        <v>90765603</v>
      </c>
      <c r="C20" s="157">
        <v>6534134</v>
      </c>
      <c r="D20" s="161">
        <v>7.1989099218566306</v>
      </c>
      <c r="E20" s="153">
        <v>0</v>
      </c>
      <c r="F20" s="154">
        <v>0</v>
      </c>
      <c r="G20" s="155">
        <v>6466273</v>
      </c>
      <c r="H20" s="156">
        <v>98.961438501261227</v>
      </c>
      <c r="I20" s="157">
        <v>1913</v>
      </c>
      <c r="J20" s="156">
        <v>2.927702431569356E-2</v>
      </c>
      <c r="K20" s="155">
        <v>6468186</v>
      </c>
      <c r="L20" s="158">
        <v>98.990715525576917</v>
      </c>
      <c r="M20" s="215">
        <v>0</v>
      </c>
      <c r="N20" s="156">
        <v>0</v>
      </c>
      <c r="O20" s="155">
        <v>49634</v>
      </c>
      <c r="P20" s="156">
        <v>0.75961099053065029</v>
      </c>
      <c r="Q20" s="155">
        <v>16314</v>
      </c>
      <c r="R20" s="156">
        <v>0.24967348389243318</v>
      </c>
      <c r="S20" s="155">
        <v>65948</v>
      </c>
      <c r="T20" s="158">
        <v>1.0092844744230836</v>
      </c>
      <c r="U20" s="176"/>
      <c r="V20" s="535"/>
      <c r="W20" s="535"/>
      <c r="X20" s="535"/>
      <c r="Y20" s="535"/>
      <c r="Z20" s="417"/>
    </row>
    <row r="21" spans="1:27" ht="15" customHeight="1" thickBot="1">
      <c r="A21" s="163" t="s">
        <v>36</v>
      </c>
      <c r="B21" s="153">
        <v>38460647</v>
      </c>
      <c r="C21" s="157">
        <v>1565473</v>
      </c>
      <c r="D21" s="161">
        <v>4.0703241419729626</v>
      </c>
      <c r="E21" s="153">
        <v>13231</v>
      </c>
      <c r="F21" s="164">
        <v>0.84517586697439051</v>
      </c>
      <c r="G21" s="165">
        <v>1304116</v>
      </c>
      <c r="H21" s="164">
        <v>83.304918066296892</v>
      </c>
      <c r="I21" s="157">
        <v>120917</v>
      </c>
      <c r="J21" s="164">
        <v>7.7239914070699394</v>
      </c>
      <c r="K21" s="155">
        <v>1438264</v>
      </c>
      <c r="L21" s="166">
        <v>91.874085340341225</v>
      </c>
      <c r="M21" s="215">
        <v>0</v>
      </c>
      <c r="N21" s="156">
        <v>0</v>
      </c>
      <c r="O21" s="155">
        <v>125959</v>
      </c>
      <c r="P21" s="156">
        <v>8.0460665881813362</v>
      </c>
      <c r="Q21" s="155">
        <v>1250</v>
      </c>
      <c r="R21" s="156">
        <v>7.9848071477438443E-2</v>
      </c>
      <c r="S21" s="155">
        <v>127209</v>
      </c>
      <c r="T21" s="158">
        <v>8.1259146596587737</v>
      </c>
      <c r="U21" s="177"/>
      <c r="W21" s="417"/>
      <c r="X21" s="417"/>
      <c r="Y21" s="417"/>
      <c r="Z21" s="417"/>
    </row>
    <row r="22" spans="1:27" ht="15" customHeight="1">
      <c r="A22" s="138" t="s">
        <v>38</v>
      </c>
      <c r="B22" s="139">
        <v>55629277</v>
      </c>
      <c r="C22" s="140">
        <v>1584732</v>
      </c>
      <c r="D22" s="141">
        <v>2.8487373653984394</v>
      </c>
      <c r="E22" s="139">
        <v>4080</v>
      </c>
      <c r="F22" s="142">
        <v>0.25745678133589783</v>
      </c>
      <c r="G22" s="420">
        <v>1506084</v>
      </c>
      <c r="H22" s="144">
        <v>95.037141926836838</v>
      </c>
      <c r="I22" s="140">
        <v>0</v>
      </c>
      <c r="J22" s="144">
        <v>0</v>
      </c>
      <c r="K22" s="145">
        <v>1510164</v>
      </c>
      <c r="L22" s="146">
        <v>95.294598708172742</v>
      </c>
      <c r="M22" s="326">
        <v>0</v>
      </c>
      <c r="N22" s="147">
        <v>0</v>
      </c>
      <c r="O22" s="145">
        <v>74568</v>
      </c>
      <c r="P22" s="147">
        <v>4.7054012918272621</v>
      </c>
      <c r="Q22" s="145">
        <v>0</v>
      </c>
      <c r="R22" s="147">
        <v>0</v>
      </c>
      <c r="S22" s="145">
        <v>74568</v>
      </c>
      <c r="T22" s="148">
        <v>4.7054012918272621</v>
      </c>
      <c r="U22" s="175" t="s">
        <v>197</v>
      </c>
      <c r="V22" s="535" t="s">
        <v>198</v>
      </c>
      <c r="W22" s="535"/>
      <c r="X22" s="535"/>
      <c r="Y22" s="535"/>
      <c r="Z22" s="417"/>
      <c r="AA22" s="417"/>
    </row>
    <row r="23" spans="1:27" ht="15" customHeight="1">
      <c r="A23" s="149" t="s">
        <v>40</v>
      </c>
      <c r="B23" s="153">
        <v>51176616</v>
      </c>
      <c r="C23" s="157">
        <v>1413155</v>
      </c>
      <c r="D23" s="161">
        <v>2.7613295103372995</v>
      </c>
      <c r="E23" s="153">
        <v>4270</v>
      </c>
      <c r="F23" s="154">
        <v>0.30216076792708513</v>
      </c>
      <c r="G23" s="155">
        <v>1303749</v>
      </c>
      <c r="H23" s="156">
        <v>92.258032558353477</v>
      </c>
      <c r="I23" s="157">
        <v>23874</v>
      </c>
      <c r="J23" s="156">
        <v>1.6894112818480633</v>
      </c>
      <c r="K23" s="155">
        <v>1331893</v>
      </c>
      <c r="L23" s="158">
        <v>94.249604608128621</v>
      </c>
      <c r="M23" s="215">
        <v>0</v>
      </c>
      <c r="N23" s="156">
        <v>0</v>
      </c>
      <c r="O23" s="155">
        <v>80962</v>
      </c>
      <c r="P23" s="156">
        <v>5.7291662981060112</v>
      </c>
      <c r="Q23" s="155">
        <v>300</v>
      </c>
      <c r="R23" s="156">
        <v>2.1229093765368977E-2</v>
      </c>
      <c r="S23" s="155">
        <v>81262</v>
      </c>
      <c r="T23" s="158">
        <v>5.7503953918713799</v>
      </c>
      <c r="U23" s="176"/>
      <c r="V23" s="535"/>
      <c r="W23" s="535"/>
      <c r="X23" s="535"/>
      <c r="Y23" s="535"/>
      <c r="Z23" s="417"/>
      <c r="AA23" s="417"/>
    </row>
    <row r="24" spans="1:27" ht="15" customHeight="1">
      <c r="A24" s="149" t="s">
        <v>41</v>
      </c>
      <c r="B24" s="153">
        <v>19502499</v>
      </c>
      <c r="C24" s="157">
        <v>739677</v>
      </c>
      <c r="D24" s="161">
        <v>3.7927293317640984</v>
      </c>
      <c r="E24" s="153">
        <v>89657</v>
      </c>
      <c r="F24" s="154">
        <v>12.121101507820306</v>
      </c>
      <c r="G24" s="155">
        <v>587016</v>
      </c>
      <c r="H24" s="156">
        <v>79.36112654577606</v>
      </c>
      <c r="I24" s="157">
        <v>0</v>
      </c>
      <c r="J24" s="156">
        <v>0</v>
      </c>
      <c r="K24" s="155">
        <v>676673</v>
      </c>
      <c r="L24" s="158">
        <v>91.482228053596373</v>
      </c>
      <c r="M24" s="215">
        <v>0</v>
      </c>
      <c r="N24" s="156">
        <v>0</v>
      </c>
      <c r="O24" s="155">
        <v>63004</v>
      </c>
      <c r="P24" s="156">
        <v>8.5177719464036343</v>
      </c>
      <c r="Q24" s="155">
        <v>0</v>
      </c>
      <c r="R24" s="156">
        <v>0</v>
      </c>
      <c r="S24" s="155">
        <v>63004</v>
      </c>
      <c r="T24" s="158">
        <v>8.5177719464036343</v>
      </c>
      <c r="U24" s="176"/>
      <c r="V24" s="535"/>
      <c r="W24" s="535"/>
      <c r="X24" s="535"/>
      <c r="Y24" s="535"/>
      <c r="Z24" s="417"/>
      <c r="AA24" s="417"/>
    </row>
    <row r="25" spans="1:27" ht="15" customHeight="1" thickBot="1">
      <c r="A25" s="178" t="s">
        <v>43</v>
      </c>
      <c r="B25" s="153">
        <v>33587142</v>
      </c>
      <c r="C25" s="157">
        <v>1009376</v>
      </c>
      <c r="D25" s="161">
        <v>3.0052452810661889</v>
      </c>
      <c r="E25" s="179">
        <v>3616</v>
      </c>
      <c r="F25" s="154">
        <v>0.35824113115429729</v>
      </c>
      <c r="G25" s="155">
        <v>856446</v>
      </c>
      <c r="H25" s="156">
        <v>84.849055257901909</v>
      </c>
      <c r="I25" s="180">
        <v>60018</v>
      </c>
      <c r="J25" s="156">
        <v>5.9460498367308121</v>
      </c>
      <c r="K25" s="419">
        <v>920080</v>
      </c>
      <c r="L25" s="158">
        <v>91.153346225787018</v>
      </c>
      <c r="M25" s="215">
        <v>0</v>
      </c>
      <c r="N25" s="156">
        <v>0</v>
      </c>
      <c r="O25" s="155">
        <v>87894</v>
      </c>
      <c r="P25" s="156">
        <v>8.7077560790032642</v>
      </c>
      <c r="Q25" s="155">
        <v>1402</v>
      </c>
      <c r="R25" s="156">
        <v>0.13889769520971373</v>
      </c>
      <c r="S25" s="155">
        <v>89296</v>
      </c>
      <c r="T25" s="158">
        <v>8.846653774212978</v>
      </c>
      <c r="U25" s="176"/>
      <c r="V25" s="535"/>
      <c r="W25" s="535"/>
      <c r="X25" s="535"/>
      <c r="Y25" s="535"/>
      <c r="Z25" s="417"/>
      <c r="AA25" s="417"/>
    </row>
    <row r="26" spans="1:27" ht="16.5" customHeight="1" thickBot="1">
      <c r="A26" s="182" t="s">
        <v>199</v>
      </c>
      <c r="B26" s="183">
        <v>4436291430</v>
      </c>
      <c r="C26" s="184">
        <v>130162236</v>
      </c>
      <c r="D26" s="185">
        <v>2.9340325822553095</v>
      </c>
      <c r="E26" s="183">
        <v>13012206</v>
      </c>
      <c r="F26" s="186">
        <v>9.996913390455278</v>
      </c>
      <c r="G26" s="187">
        <v>108906403</v>
      </c>
      <c r="H26" s="188">
        <v>83.66973889415975</v>
      </c>
      <c r="I26" s="184">
        <v>3069389</v>
      </c>
      <c r="J26" s="188">
        <v>2.3581255933556644</v>
      </c>
      <c r="K26" s="187">
        <v>124987998</v>
      </c>
      <c r="L26" s="189">
        <v>96.024777877970692</v>
      </c>
      <c r="M26" s="329">
        <v>125369</v>
      </c>
      <c r="N26" s="188">
        <v>9.6317491042486394E-2</v>
      </c>
      <c r="O26" s="218">
        <v>4796185</v>
      </c>
      <c r="P26" s="147">
        <v>3.6847745916104269</v>
      </c>
      <c r="Q26" s="145">
        <v>252684</v>
      </c>
      <c r="R26" s="147">
        <v>0.19413003937639792</v>
      </c>
      <c r="S26" s="145">
        <v>5174238</v>
      </c>
      <c r="T26" s="148">
        <v>3.9752221220293116</v>
      </c>
      <c r="U26" s="176"/>
      <c r="V26" s="421"/>
      <c r="W26" s="421"/>
      <c r="X26" s="421"/>
      <c r="Y26" s="421"/>
      <c r="Z26" s="417"/>
      <c r="AA26" s="417"/>
    </row>
    <row r="27" spans="1:27" ht="15" customHeight="1">
      <c r="A27" s="138" t="s">
        <v>47</v>
      </c>
      <c r="B27" s="139">
        <v>13583400</v>
      </c>
      <c r="C27" s="140">
        <v>1702890</v>
      </c>
      <c r="D27" s="141">
        <v>12.536551967843101</v>
      </c>
      <c r="E27" s="150">
        <v>885407</v>
      </c>
      <c r="F27" s="142">
        <v>51.994374269623989</v>
      </c>
      <c r="G27" s="420">
        <v>768132</v>
      </c>
      <c r="H27" s="144">
        <v>45.107552454944241</v>
      </c>
      <c r="I27" s="151">
        <v>0</v>
      </c>
      <c r="J27" s="144">
        <v>0</v>
      </c>
      <c r="K27" s="420">
        <v>1653539</v>
      </c>
      <c r="L27" s="146">
        <v>97.10192672456823</v>
      </c>
      <c r="M27" s="365">
        <v>0</v>
      </c>
      <c r="N27" s="415">
        <v>0</v>
      </c>
      <c r="O27" s="270">
        <v>49351</v>
      </c>
      <c r="P27" s="147">
        <v>2.898073275431766</v>
      </c>
      <c r="Q27" s="145">
        <v>0</v>
      </c>
      <c r="R27" s="147">
        <v>0</v>
      </c>
      <c r="S27" s="145">
        <v>49351</v>
      </c>
      <c r="T27" s="148">
        <v>2.898073275431766</v>
      </c>
      <c r="U27" s="175" t="s">
        <v>200</v>
      </c>
      <c r="V27" s="535" t="s">
        <v>201</v>
      </c>
      <c r="W27" s="535"/>
      <c r="X27" s="535"/>
      <c r="Y27" s="535"/>
      <c r="Z27" s="417"/>
      <c r="AA27" s="417"/>
    </row>
    <row r="28" spans="1:27" ht="15" customHeight="1">
      <c r="A28" s="149" t="s">
        <v>49</v>
      </c>
      <c r="B28" s="153">
        <v>20147637</v>
      </c>
      <c r="C28" s="157">
        <v>664039</v>
      </c>
      <c r="D28" s="161">
        <v>3.2958654158797875</v>
      </c>
      <c r="E28" s="153">
        <v>86721</v>
      </c>
      <c r="F28" s="154">
        <v>13.05962451000619</v>
      </c>
      <c r="G28" s="420">
        <v>513171</v>
      </c>
      <c r="H28" s="156">
        <v>77.280250105791978</v>
      </c>
      <c r="I28" s="157">
        <v>41</v>
      </c>
      <c r="J28" s="156">
        <v>6.1743361459191404E-3</v>
      </c>
      <c r="K28" s="155">
        <v>599933</v>
      </c>
      <c r="L28" s="158">
        <v>90.346048951944084</v>
      </c>
      <c r="M28" s="215">
        <v>0</v>
      </c>
      <c r="N28" s="156">
        <v>0</v>
      </c>
      <c r="O28" s="155">
        <v>64100</v>
      </c>
      <c r="P28" s="156">
        <v>9.6530474866687044</v>
      </c>
      <c r="Q28" s="155">
        <v>6</v>
      </c>
      <c r="R28" s="156">
        <v>9.03561387207679E-4</v>
      </c>
      <c r="S28" s="155">
        <v>64106</v>
      </c>
      <c r="T28" s="158">
        <v>9.6539510480559123</v>
      </c>
      <c r="V28" s="535"/>
      <c r="W28" s="535"/>
      <c r="X28" s="535"/>
      <c r="Y28" s="535"/>
      <c r="Z28" s="417"/>
      <c r="AA28" s="417"/>
    </row>
    <row r="29" spans="1:27" ht="15" customHeight="1">
      <c r="A29" s="149" t="s">
        <v>51</v>
      </c>
      <c r="B29" s="153">
        <v>12494812</v>
      </c>
      <c r="C29" s="157">
        <v>786264</v>
      </c>
      <c r="D29" s="161">
        <v>6.2927237320577536</v>
      </c>
      <c r="E29" s="153">
        <v>0</v>
      </c>
      <c r="F29" s="154">
        <v>0</v>
      </c>
      <c r="G29" s="420">
        <v>553499</v>
      </c>
      <c r="H29" s="156">
        <v>70.396075618367377</v>
      </c>
      <c r="I29" s="157">
        <v>0</v>
      </c>
      <c r="J29" s="156">
        <v>0</v>
      </c>
      <c r="K29" s="155">
        <v>553499</v>
      </c>
      <c r="L29" s="158">
        <v>70.396075618367377</v>
      </c>
      <c r="M29" s="215">
        <v>31350</v>
      </c>
      <c r="N29" s="156">
        <v>3.9872104026128627</v>
      </c>
      <c r="O29" s="155">
        <v>201415</v>
      </c>
      <c r="P29" s="156">
        <v>25.616713979019767</v>
      </c>
      <c r="Q29" s="155">
        <v>0</v>
      </c>
      <c r="R29" s="156">
        <v>0</v>
      </c>
      <c r="S29" s="155">
        <v>232765</v>
      </c>
      <c r="T29" s="158">
        <v>29.603924381632634</v>
      </c>
      <c r="U29" s="418"/>
      <c r="V29" s="191"/>
      <c r="W29" s="191"/>
      <c r="X29" s="191"/>
      <c r="Y29" s="191"/>
      <c r="Z29" s="417"/>
      <c r="AA29" s="417"/>
    </row>
    <row r="30" spans="1:27" ht="15" customHeight="1" thickBot="1">
      <c r="A30" s="163" t="s">
        <v>53</v>
      </c>
      <c r="B30" s="153">
        <v>10129981</v>
      </c>
      <c r="C30" s="157">
        <v>570406</v>
      </c>
      <c r="D30" s="161">
        <v>5.6308693964973875</v>
      </c>
      <c r="E30" s="153">
        <v>10192</v>
      </c>
      <c r="F30" s="192">
        <v>1.786797474079866</v>
      </c>
      <c r="G30" s="165">
        <v>500807</v>
      </c>
      <c r="H30" s="164">
        <v>87.798340129662037</v>
      </c>
      <c r="I30" s="157">
        <v>0</v>
      </c>
      <c r="J30" s="164">
        <v>0</v>
      </c>
      <c r="K30" s="155">
        <v>510999</v>
      </c>
      <c r="L30" s="158">
        <v>89.585137603741899</v>
      </c>
      <c r="M30" s="215">
        <v>545</v>
      </c>
      <c r="N30" s="156">
        <v>9.5545979530369599E-2</v>
      </c>
      <c r="O30" s="155">
        <v>58862</v>
      </c>
      <c r="P30" s="156">
        <v>10.319316416727736</v>
      </c>
      <c r="Q30" s="155">
        <v>0</v>
      </c>
      <c r="R30" s="156">
        <v>0</v>
      </c>
      <c r="S30" s="155">
        <v>59407</v>
      </c>
      <c r="T30" s="158">
        <v>10.414862396258103</v>
      </c>
      <c r="U30" s="175" t="s">
        <v>280</v>
      </c>
      <c r="V30" s="535" t="s">
        <v>281</v>
      </c>
      <c r="W30" s="535"/>
      <c r="X30" s="535"/>
      <c r="Y30" s="535"/>
      <c r="Z30" s="417"/>
    </row>
    <row r="31" spans="1:27" ht="15" customHeight="1">
      <c r="A31" s="138" t="s">
        <v>55</v>
      </c>
      <c r="B31" s="139">
        <v>4615116</v>
      </c>
      <c r="C31" s="140">
        <v>155639</v>
      </c>
      <c r="D31" s="141">
        <v>3.3723746055353754</v>
      </c>
      <c r="E31" s="139">
        <v>0</v>
      </c>
      <c r="F31" s="142">
        <v>0</v>
      </c>
      <c r="G31" s="420">
        <v>144336</v>
      </c>
      <c r="H31" s="144">
        <v>92.737681429461773</v>
      </c>
      <c r="I31" s="140">
        <v>0</v>
      </c>
      <c r="J31" s="144">
        <v>0</v>
      </c>
      <c r="K31" s="145">
        <v>144336</v>
      </c>
      <c r="L31" s="146">
        <v>92.737681429461773</v>
      </c>
      <c r="M31" s="326">
        <v>0</v>
      </c>
      <c r="N31" s="147">
        <v>0</v>
      </c>
      <c r="O31" s="145">
        <v>11303</v>
      </c>
      <c r="P31" s="147">
        <v>7.2623185705382332</v>
      </c>
      <c r="Q31" s="145">
        <v>0</v>
      </c>
      <c r="R31" s="147">
        <v>0</v>
      </c>
      <c r="S31" s="145">
        <v>11303</v>
      </c>
      <c r="T31" s="148">
        <v>7.2623185705382332</v>
      </c>
      <c r="V31" s="535"/>
      <c r="W31" s="535"/>
      <c r="X31" s="535"/>
      <c r="Y31" s="535"/>
      <c r="AA31" s="417"/>
    </row>
    <row r="32" spans="1:27" ht="15" customHeight="1">
      <c r="A32" s="149" t="s">
        <v>57</v>
      </c>
      <c r="B32" s="153">
        <v>6458908</v>
      </c>
      <c r="C32" s="157">
        <v>246806</v>
      </c>
      <c r="D32" s="161">
        <v>3.821172247692644</v>
      </c>
      <c r="E32" s="153">
        <v>0</v>
      </c>
      <c r="F32" s="154">
        <v>0</v>
      </c>
      <c r="G32" s="420">
        <v>238541</v>
      </c>
      <c r="H32" s="156">
        <v>96.651215934782783</v>
      </c>
      <c r="I32" s="157">
        <v>0</v>
      </c>
      <c r="J32" s="156">
        <v>0</v>
      </c>
      <c r="K32" s="155">
        <v>238541</v>
      </c>
      <c r="L32" s="158">
        <v>96.651215934782783</v>
      </c>
      <c r="M32" s="215">
        <v>0</v>
      </c>
      <c r="N32" s="156">
        <v>0</v>
      </c>
      <c r="O32" s="155">
        <v>8265</v>
      </c>
      <c r="P32" s="156">
        <v>3.3487840652172154</v>
      </c>
      <c r="Q32" s="155">
        <v>0</v>
      </c>
      <c r="R32" s="156">
        <v>0</v>
      </c>
      <c r="S32" s="155">
        <v>8265</v>
      </c>
      <c r="T32" s="158">
        <v>3.3487840652172154</v>
      </c>
      <c r="V32" s="535"/>
      <c r="W32" s="535"/>
      <c r="X32" s="535"/>
      <c r="Y32" s="535"/>
      <c r="AA32" s="417"/>
    </row>
    <row r="33" spans="1:27" ht="15" customHeight="1">
      <c r="A33" s="149" t="s">
        <v>59</v>
      </c>
      <c r="B33" s="153">
        <v>5551799</v>
      </c>
      <c r="C33" s="157">
        <v>140060</v>
      </c>
      <c r="D33" s="161">
        <v>2.5227858573410167</v>
      </c>
      <c r="E33" s="153">
        <v>0</v>
      </c>
      <c r="F33" s="154">
        <v>0</v>
      </c>
      <c r="G33" s="420">
        <v>131636</v>
      </c>
      <c r="H33" s="156">
        <v>93.985434813651295</v>
      </c>
      <c r="I33" s="157">
        <v>0</v>
      </c>
      <c r="J33" s="156">
        <v>0</v>
      </c>
      <c r="K33" s="155">
        <v>131636</v>
      </c>
      <c r="L33" s="158">
        <v>93.985434813651295</v>
      </c>
      <c r="M33" s="215">
        <v>0</v>
      </c>
      <c r="N33" s="156">
        <v>0</v>
      </c>
      <c r="O33" s="155">
        <v>8424</v>
      </c>
      <c r="P33" s="156">
        <v>6.0145651863487073</v>
      </c>
      <c r="Q33" s="155">
        <v>0</v>
      </c>
      <c r="R33" s="156">
        <v>0</v>
      </c>
      <c r="S33" s="155">
        <v>8424</v>
      </c>
      <c r="T33" s="158">
        <v>6.0145651863487073</v>
      </c>
      <c r="V33" s="194"/>
      <c r="W33" s="194"/>
      <c r="X33" s="194"/>
      <c r="Y33" s="194"/>
      <c r="AA33" s="417"/>
    </row>
    <row r="34" spans="1:27" ht="15" customHeight="1">
      <c r="A34" s="149" t="s">
        <v>61</v>
      </c>
      <c r="B34" s="153">
        <v>6000902</v>
      </c>
      <c r="C34" s="157">
        <v>194087</v>
      </c>
      <c r="D34" s="161">
        <v>3.2342971106676965</v>
      </c>
      <c r="E34" s="153">
        <v>9737</v>
      </c>
      <c r="F34" s="154">
        <v>5.0168223528623761</v>
      </c>
      <c r="G34" s="420">
        <v>165202</v>
      </c>
      <c r="H34" s="156">
        <v>85.117498853606889</v>
      </c>
      <c r="I34" s="157">
        <v>0</v>
      </c>
      <c r="J34" s="156">
        <v>0</v>
      </c>
      <c r="K34" s="155">
        <v>174939</v>
      </c>
      <c r="L34" s="158">
        <v>90.134321206469252</v>
      </c>
      <c r="M34" s="215">
        <v>0</v>
      </c>
      <c r="N34" s="156">
        <v>0</v>
      </c>
      <c r="O34" s="155">
        <v>19148</v>
      </c>
      <c r="P34" s="156">
        <v>9.8656787935307371</v>
      </c>
      <c r="Q34" s="155">
        <v>0</v>
      </c>
      <c r="R34" s="156">
        <v>0</v>
      </c>
      <c r="S34" s="155">
        <v>19148</v>
      </c>
      <c r="T34" s="158">
        <v>9.8656787935307371</v>
      </c>
      <c r="V34" s="417"/>
      <c r="W34" s="417"/>
      <c r="X34" s="417"/>
      <c r="Y34" s="417"/>
      <c r="AA34" s="417"/>
    </row>
    <row r="35" spans="1:27" ht="15" customHeight="1" thickBot="1">
      <c r="A35" s="163" t="s">
        <v>63</v>
      </c>
      <c r="B35" s="153">
        <v>7919141</v>
      </c>
      <c r="C35" s="157">
        <v>262998</v>
      </c>
      <c r="D35" s="161">
        <v>3.3210420170571533</v>
      </c>
      <c r="E35" s="153">
        <v>13105</v>
      </c>
      <c r="F35" s="164">
        <v>4.9829276268260596</v>
      </c>
      <c r="G35" s="165">
        <v>230118</v>
      </c>
      <c r="H35" s="164">
        <v>87.498003787101041</v>
      </c>
      <c r="I35" s="157">
        <v>0</v>
      </c>
      <c r="J35" s="164">
        <v>0</v>
      </c>
      <c r="K35" s="155">
        <v>243223</v>
      </c>
      <c r="L35" s="166">
        <v>92.480931413927109</v>
      </c>
      <c r="M35" s="215">
        <v>0</v>
      </c>
      <c r="N35" s="156">
        <v>0</v>
      </c>
      <c r="O35" s="155">
        <v>19775</v>
      </c>
      <c r="P35" s="156">
        <v>7.5190685860728985</v>
      </c>
      <c r="Q35" s="155">
        <v>0</v>
      </c>
      <c r="R35" s="156">
        <v>0</v>
      </c>
      <c r="S35" s="155">
        <v>19775</v>
      </c>
      <c r="T35" s="158">
        <v>7.5190685860728985</v>
      </c>
    </row>
    <row r="36" spans="1:27" ht="15" customHeight="1">
      <c r="A36" s="138" t="s">
        <v>65</v>
      </c>
      <c r="B36" s="139">
        <v>14105723</v>
      </c>
      <c r="C36" s="140">
        <v>845545</v>
      </c>
      <c r="D36" s="141">
        <v>5.9943400278028998</v>
      </c>
      <c r="E36" s="139">
        <v>55077</v>
      </c>
      <c r="F36" s="142">
        <v>6.5137869658031216</v>
      </c>
      <c r="G36" s="420">
        <v>704621</v>
      </c>
      <c r="H36" s="144">
        <v>83.333353044486103</v>
      </c>
      <c r="I36" s="140">
        <v>0</v>
      </c>
      <c r="J36" s="144">
        <v>0</v>
      </c>
      <c r="K36" s="145">
        <v>759698</v>
      </c>
      <c r="L36" s="146">
        <v>89.847140010289223</v>
      </c>
      <c r="M36" s="326">
        <v>19250</v>
      </c>
      <c r="N36" s="147">
        <v>2.2766381446286124</v>
      </c>
      <c r="O36" s="145">
        <v>66597</v>
      </c>
      <c r="P36" s="147">
        <v>7.8762218450821653</v>
      </c>
      <c r="Q36" s="145">
        <v>0</v>
      </c>
      <c r="R36" s="147">
        <v>0</v>
      </c>
      <c r="S36" s="145">
        <v>85847</v>
      </c>
      <c r="T36" s="148">
        <v>10.152859989710779</v>
      </c>
    </row>
    <row r="37" spans="1:27" ht="15" customHeight="1">
      <c r="A37" s="149" t="s">
        <v>67</v>
      </c>
      <c r="B37" s="153">
        <v>3965331</v>
      </c>
      <c r="C37" s="157">
        <v>202379</v>
      </c>
      <c r="D37" s="161">
        <v>5.1037101316384437</v>
      </c>
      <c r="E37" s="153">
        <v>4651</v>
      </c>
      <c r="F37" s="154">
        <v>2.2981633469875828</v>
      </c>
      <c r="G37" s="420">
        <v>180697</v>
      </c>
      <c r="H37" s="156">
        <v>89.286437822106052</v>
      </c>
      <c r="I37" s="157">
        <v>0</v>
      </c>
      <c r="J37" s="156">
        <v>0</v>
      </c>
      <c r="K37" s="155">
        <v>185348</v>
      </c>
      <c r="L37" s="158">
        <v>91.584601169093631</v>
      </c>
      <c r="M37" s="215">
        <v>0</v>
      </c>
      <c r="N37" s="156">
        <v>0</v>
      </c>
      <c r="O37" s="155">
        <v>17031</v>
      </c>
      <c r="P37" s="156">
        <v>8.4153988309063692</v>
      </c>
      <c r="Q37" s="155">
        <v>0</v>
      </c>
      <c r="R37" s="156">
        <v>0</v>
      </c>
      <c r="S37" s="155">
        <v>17031</v>
      </c>
      <c r="T37" s="158">
        <v>8.4153988309063692</v>
      </c>
    </row>
    <row r="38" spans="1:27" ht="15" customHeight="1">
      <c r="A38" s="149" t="s">
        <v>69</v>
      </c>
      <c r="B38" s="153">
        <v>11107701</v>
      </c>
      <c r="C38" s="157">
        <v>626560</v>
      </c>
      <c r="D38" s="161">
        <v>5.6407712090917821</v>
      </c>
      <c r="E38" s="153">
        <v>8379</v>
      </c>
      <c r="F38" s="154">
        <v>1.3373020939734424</v>
      </c>
      <c r="G38" s="420">
        <v>566803</v>
      </c>
      <c r="H38" s="156">
        <v>90.462685137895818</v>
      </c>
      <c r="I38" s="157">
        <v>1152</v>
      </c>
      <c r="J38" s="156">
        <v>0.18386108273748722</v>
      </c>
      <c r="K38" s="155">
        <v>576334</v>
      </c>
      <c r="L38" s="158">
        <v>91.983848314606746</v>
      </c>
      <c r="M38" s="215">
        <v>0</v>
      </c>
      <c r="N38" s="156">
        <v>0</v>
      </c>
      <c r="O38" s="155">
        <v>50226</v>
      </c>
      <c r="P38" s="156">
        <v>8.0161516853932575</v>
      </c>
      <c r="Q38" s="155">
        <v>0</v>
      </c>
      <c r="R38" s="156">
        <v>0</v>
      </c>
      <c r="S38" s="155">
        <v>50226</v>
      </c>
      <c r="T38" s="158">
        <v>8.0161516853932575</v>
      </c>
    </row>
    <row r="39" spans="1:27" ht="15" customHeight="1">
      <c r="A39" s="149" t="s">
        <v>70</v>
      </c>
      <c r="B39" s="153">
        <v>15174541</v>
      </c>
      <c r="C39" s="157">
        <v>812246</v>
      </c>
      <c r="D39" s="161">
        <v>5.3526890862794465</v>
      </c>
      <c r="E39" s="153">
        <v>104809</v>
      </c>
      <c r="F39" s="154">
        <v>12.903603095613892</v>
      </c>
      <c r="G39" s="420">
        <v>614072</v>
      </c>
      <c r="H39" s="156">
        <v>75.601726570521748</v>
      </c>
      <c r="I39" s="157">
        <v>8058</v>
      </c>
      <c r="J39" s="156">
        <v>0.99206398061670964</v>
      </c>
      <c r="K39" s="155">
        <v>726939</v>
      </c>
      <c r="L39" s="158">
        <v>89.497393646752343</v>
      </c>
      <c r="M39" s="215">
        <v>0</v>
      </c>
      <c r="N39" s="156">
        <v>0</v>
      </c>
      <c r="O39" s="155">
        <v>84007</v>
      </c>
      <c r="P39" s="156">
        <v>10.342556319144693</v>
      </c>
      <c r="Q39" s="155">
        <v>1300</v>
      </c>
      <c r="R39" s="156">
        <v>0.16005003410296881</v>
      </c>
      <c r="S39" s="155">
        <v>85307</v>
      </c>
      <c r="T39" s="158">
        <v>10.502606353247661</v>
      </c>
    </row>
    <row r="40" spans="1:27" ht="15" customHeight="1" thickBot="1">
      <c r="A40" s="163" t="s">
        <v>72</v>
      </c>
      <c r="B40" s="153">
        <v>2769857</v>
      </c>
      <c r="C40" s="157">
        <v>79289</v>
      </c>
      <c r="D40" s="161">
        <v>2.8625665512696146</v>
      </c>
      <c r="E40" s="153">
        <v>13029</v>
      </c>
      <c r="F40" s="164">
        <v>16.43229199510651</v>
      </c>
      <c r="G40" s="420">
        <v>60683</v>
      </c>
      <c r="H40" s="164">
        <v>76.533945440098876</v>
      </c>
      <c r="I40" s="157">
        <v>0</v>
      </c>
      <c r="J40" s="164">
        <v>0</v>
      </c>
      <c r="K40" s="155">
        <v>73712</v>
      </c>
      <c r="L40" s="166">
        <v>92.966237435205386</v>
      </c>
      <c r="M40" s="215">
        <v>0</v>
      </c>
      <c r="N40" s="156">
        <v>0</v>
      </c>
      <c r="O40" s="155">
        <v>5563</v>
      </c>
      <c r="P40" s="156">
        <v>7.0161056388654162</v>
      </c>
      <c r="Q40" s="155">
        <v>14</v>
      </c>
      <c r="R40" s="156">
        <v>1.7656925929195728E-2</v>
      </c>
      <c r="S40" s="155">
        <v>5577</v>
      </c>
      <c r="T40" s="158">
        <v>7.0337625647946114</v>
      </c>
    </row>
    <row r="41" spans="1:27" ht="16.5" customHeight="1" thickBot="1">
      <c r="A41" s="195" t="s">
        <v>202</v>
      </c>
      <c r="B41" s="196">
        <v>134024849</v>
      </c>
      <c r="C41" s="197">
        <v>7289208</v>
      </c>
      <c r="D41" s="198">
        <v>5.4386989087374387</v>
      </c>
      <c r="E41" s="196">
        <v>1191107</v>
      </c>
      <c r="F41" s="199">
        <v>16.340691608745423</v>
      </c>
      <c r="G41" s="197">
        <v>5372318</v>
      </c>
      <c r="H41" s="147">
        <v>73.702355591992983</v>
      </c>
      <c r="I41" s="197">
        <v>9251</v>
      </c>
      <c r="J41" s="147">
        <v>0.12691365097552434</v>
      </c>
      <c r="K41" s="143">
        <v>6572676</v>
      </c>
      <c r="L41" s="146">
        <v>90.169960851713924</v>
      </c>
      <c r="M41" s="426">
        <v>51145</v>
      </c>
      <c r="N41" s="427">
        <v>0.70165373247683427</v>
      </c>
      <c r="O41" s="428">
        <v>664067</v>
      </c>
      <c r="P41" s="427">
        <v>9.1102764525309201</v>
      </c>
      <c r="Q41" s="428">
        <v>1320</v>
      </c>
      <c r="R41" s="427">
        <v>1.8108963278315009E-2</v>
      </c>
      <c r="S41" s="428">
        <v>716532</v>
      </c>
      <c r="T41" s="429">
        <v>9.830039148286069</v>
      </c>
      <c r="W41" s="436"/>
      <c r="X41" s="436"/>
      <c r="Y41" s="436"/>
    </row>
    <row r="42" spans="1:27" s="417" customFormat="1" ht="16.5" customHeight="1" thickTop="1" thickBot="1">
      <c r="A42" s="200" t="s">
        <v>203</v>
      </c>
      <c r="B42" s="201">
        <v>4570316279</v>
      </c>
      <c r="C42" s="202">
        <v>137451444</v>
      </c>
      <c r="D42" s="203">
        <v>3.0074820999056726</v>
      </c>
      <c r="E42" s="204">
        <v>14203313</v>
      </c>
      <c r="F42" s="205">
        <v>10.333331238047961</v>
      </c>
      <c r="G42" s="206">
        <v>114278721</v>
      </c>
      <c r="H42" s="205">
        <v>83.141157105632161</v>
      </c>
      <c r="I42" s="202">
        <v>3078640</v>
      </c>
      <c r="J42" s="207">
        <v>2.2398018605028258</v>
      </c>
      <c r="K42" s="208">
        <v>131560674</v>
      </c>
      <c r="L42" s="209">
        <v>95.714290204182944</v>
      </c>
      <c r="M42" s="210">
        <v>176514</v>
      </c>
      <c r="N42" s="205">
        <v>0.12841916742613485</v>
      </c>
      <c r="O42" s="206">
        <v>5460252</v>
      </c>
      <c r="P42" s="205">
        <v>3.9724951889192228</v>
      </c>
      <c r="Q42" s="202">
        <v>254004</v>
      </c>
      <c r="R42" s="205">
        <v>0.18479543947170174</v>
      </c>
      <c r="S42" s="202">
        <v>5890770</v>
      </c>
      <c r="T42" s="209">
        <v>4.2857097958170591</v>
      </c>
    </row>
    <row r="43" spans="1:27" ht="26.25" customHeight="1">
      <c r="A43" s="422" t="s">
        <v>204</v>
      </c>
      <c r="B43" s="150">
        <v>3075443</v>
      </c>
      <c r="C43" s="151">
        <v>1870605</v>
      </c>
      <c r="D43" s="152">
        <v>60.823920326274951</v>
      </c>
      <c r="E43" s="150">
        <v>44987</v>
      </c>
      <c r="F43" s="142">
        <v>2.4049438550629345</v>
      </c>
      <c r="G43" s="420">
        <v>1825618</v>
      </c>
      <c r="H43" s="144">
        <v>97.595056144937061</v>
      </c>
      <c r="I43" s="151">
        <v>0</v>
      </c>
      <c r="J43" s="144">
        <v>0</v>
      </c>
      <c r="K43" s="420">
        <v>1870605</v>
      </c>
      <c r="L43" s="212">
        <v>100</v>
      </c>
      <c r="M43" s="150">
        <v>0</v>
      </c>
      <c r="N43" s="415">
        <v>0</v>
      </c>
      <c r="O43" s="151">
        <v>0</v>
      </c>
      <c r="P43" s="144">
        <v>0</v>
      </c>
      <c r="Q43" s="151">
        <v>0</v>
      </c>
      <c r="R43" s="144">
        <v>0</v>
      </c>
      <c r="S43" s="151">
        <v>0</v>
      </c>
      <c r="T43" s="213">
        <v>0</v>
      </c>
    </row>
    <row r="44" spans="1:27" ht="26.25" customHeight="1">
      <c r="A44" s="214" t="s">
        <v>205</v>
      </c>
      <c r="B44" s="153">
        <v>4575443</v>
      </c>
      <c r="C44" s="157">
        <v>1603371</v>
      </c>
      <c r="D44" s="161">
        <v>35.042967424137949</v>
      </c>
      <c r="E44" s="153">
        <v>294231</v>
      </c>
      <c r="F44" s="154">
        <v>18.350774711529645</v>
      </c>
      <c r="G44" s="155">
        <v>1188498</v>
      </c>
      <c r="H44" s="156">
        <v>74.124952989669893</v>
      </c>
      <c r="I44" s="180">
        <v>1174</v>
      </c>
      <c r="J44" s="156">
        <v>7.3220733068017324E-2</v>
      </c>
      <c r="K44" s="155">
        <v>1483903</v>
      </c>
      <c r="L44" s="158">
        <v>92.548948434267558</v>
      </c>
      <c r="M44" s="215">
        <v>0</v>
      </c>
      <c r="N44" s="156">
        <v>0</v>
      </c>
      <c r="O44" s="157">
        <v>119468</v>
      </c>
      <c r="P44" s="156">
        <v>7.4510515657324472</v>
      </c>
      <c r="Q44" s="157">
        <v>0</v>
      </c>
      <c r="R44" s="156">
        <v>0</v>
      </c>
      <c r="S44" s="157">
        <v>119468</v>
      </c>
      <c r="T44" s="158">
        <v>7.4510515657324472</v>
      </c>
    </row>
    <row r="45" spans="1:27" ht="26.25" customHeight="1">
      <c r="A45" s="214" t="s">
        <v>114</v>
      </c>
      <c r="B45" s="215">
        <v>153327</v>
      </c>
      <c r="C45" s="157">
        <v>121118</v>
      </c>
      <c r="D45" s="161">
        <v>78.993262765201166</v>
      </c>
      <c r="E45" s="153">
        <v>0</v>
      </c>
      <c r="F45" s="154">
        <v>0</v>
      </c>
      <c r="G45" s="155">
        <v>0</v>
      </c>
      <c r="H45" s="156">
        <v>0</v>
      </c>
      <c r="I45" s="155">
        <v>0</v>
      </c>
      <c r="J45" s="156">
        <v>0</v>
      </c>
      <c r="K45" s="420">
        <v>0</v>
      </c>
      <c r="L45" s="158">
        <v>0</v>
      </c>
      <c r="M45" s="150">
        <v>0</v>
      </c>
      <c r="N45" s="156">
        <v>0</v>
      </c>
      <c r="O45" s="157">
        <v>118728</v>
      </c>
      <c r="P45" s="156">
        <v>98.026717746330021</v>
      </c>
      <c r="Q45" s="157">
        <v>2390</v>
      </c>
      <c r="R45" s="156">
        <v>1.9732822536699748</v>
      </c>
      <c r="S45" s="157">
        <v>121118</v>
      </c>
      <c r="T45" s="440">
        <v>100</v>
      </c>
    </row>
    <row r="46" spans="1:27" ht="26.25" customHeight="1">
      <c r="A46" s="216" t="s">
        <v>206</v>
      </c>
      <c r="B46" s="150">
        <v>1982336</v>
      </c>
      <c r="C46" s="157">
        <v>1374155</v>
      </c>
      <c r="D46" s="161">
        <v>69.319984099567378</v>
      </c>
      <c r="E46" s="153">
        <v>34155</v>
      </c>
      <c r="F46" s="154">
        <v>2.4855274696085958</v>
      </c>
      <c r="G46" s="155">
        <v>1340000</v>
      </c>
      <c r="H46" s="156">
        <v>97.514472530391402</v>
      </c>
      <c r="I46" s="157">
        <v>0</v>
      </c>
      <c r="J46" s="156">
        <v>0</v>
      </c>
      <c r="K46" s="155">
        <v>1374155</v>
      </c>
      <c r="L46" s="158">
        <v>100</v>
      </c>
      <c r="M46" s="153">
        <v>0</v>
      </c>
      <c r="N46" s="156">
        <v>0</v>
      </c>
      <c r="O46" s="157">
        <v>0</v>
      </c>
      <c r="P46" s="156">
        <v>0</v>
      </c>
      <c r="Q46" s="157">
        <v>0</v>
      </c>
      <c r="R46" s="156">
        <v>0</v>
      </c>
      <c r="S46" s="157">
        <v>0</v>
      </c>
      <c r="T46" s="158">
        <v>0</v>
      </c>
    </row>
    <row r="47" spans="1:27" ht="26.25" customHeight="1">
      <c r="A47" s="214" t="s">
        <v>125</v>
      </c>
      <c r="B47" s="153">
        <v>382798</v>
      </c>
      <c r="C47" s="157">
        <v>382798</v>
      </c>
      <c r="D47" s="161">
        <v>100</v>
      </c>
      <c r="E47" s="153">
        <v>56966</v>
      </c>
      <c r="F47" s="154">
        <v>14.881477959654962</v>
      </c>
      <c r="G47" s="155">
        <v>308234</v>
      </c>
      <c r="H47" s="156">
        <v>80.521319338136564</v>
      </c>
      <c r="I47" s="157">
        <v>17598</v>
      </c>
      <c r="J47" s="156">
        <v>4.5972027022084756</v>
      </c>
      <c r="K47" s="155">
        <v>382798</v>
      </c>
      <c r="L47" s="158">
        <v>100</v>
      </c>
      <c r="M47" s="153">
        <v>0</v>
      </c>
      <c r="N47" s="156">
        <v>0</v>
      </c>
      <c r="O47" s="157">
        <v>0</v>
      </c>
      <c r="P47" s="156">
        <v>0</v>
      </c>
      <c r="Q47" s="157">
        <v>0</v>
      </c>
      <c r="R47" s="156">
        <v>0</v>
      </c>
      <c r="S47" s="157">
        <v>0</v>
      </c>
      <c r="T47" s="158">
        <v>0</v>
      </c>
    </row>
    <row r="48" spans="1:27" ht="26.25" customHeight="1">
      <c r="A48" s="214" t="s">
        <v>131</v>
      </c>
      <c r="B48" s="153">
        <v>307700</v>
      </c>
      <c r="C48" s="157">
        <v>349184</v>
      </c>
      <c r="D48" s="161">
        <v>113.48196295092623</v>
      </c>
      <c r="E48" s="153">
        <v>47757</v>
      </c>
      <c r="F48" s="154">
        <v>13.67674349340176</v>
      </c>
      <c r="G48" s="420">
        <v>215443</v>
      </c>
      <c r="H48" s="156">
        <v>61.698989644428146</v>
      </c>
      <c r="I48" s="157">
        <v>85984</v>
      </c>
      <c r="J48" s="156">
        <v>24.624266862170089</v>
      </c>
      <c r="K48" s="155">
        <v>349184</v>
      </c>
      <c r="L48" s="158">
        <v>100</v>
      </c>
      <c r="M48" s="153">
        <v>0</v>
      </c>
      <c r="N48" s="156">
        <v>0</v>
      </c>
      <c r="O48" s="157">
        <v>0</v>
      </c>
      <c r="P48" s="156">
        <v>0</v>
      </c>
      <c r="Q48" s="157">
        <v>0</v>
      </c>
      <c r="R48" s="156">
        <v>0</v>
      </c>
      <c r="S48" s="157">
        <v>0</v>
      </c>
      <c r="T48" s="158">
        <v>0</v>
      </c>
    </row>
    <row r="49" spans="1:21" ht="26.25" customHeight="1" thickBot="1">
      <c r="A49" s="216" t="s">
        <v>207</v>
      </c>
      <c r="B49" s="153">
        <v>13790982</v>
      </c>
      <c r="C49" s="157">
        <v>14252770</v>
      </c>
      <c r="D49" s="161">
        <v>103.34847801266073</v>
      </c>
      <c r="E49" s="153">
        <v>13535042</v>
      </c>
      <c r="F49" s="154">
        <v>94.964291151825222</v>
      </c>
      <c r="G49" s="420">
        <v>117487</v>
      </c>
      <c r="H49" s="156">
        <v>0.82430994115529832</v>
      </c>
      <c r="I49" s="157">
        <v>600241</v>
      </c>
      <c r="J49" s="156">
        <v>4.2113989070194782</v>
      </c>
      <c r="K49" s="155">
        <v>14252770</v>
      </c>
      <c r="L49" s="158">
        <v>100</v>
      </c>
      <c r="M49" s="179">
        <v>0</v>
      </c>
      <c r="N49" s="156">
        <v>0</v>
      </c>
      <c r="O49" s="180">
        <v>0</v>
      </c>
      <c r="P49" s="156">
        <v>0</v>
      </c>
      <c r="Q49" s="180">
        <v>0</v>
      </c>
      <c r="R49" s="156">
        <v>0</v>
      </c>
      <c r="S49" s="180">
        <v>0</v>
      </c>
      <c r="T49" s="158">
        <v>0</v>
      </c>
    </row>
    <row r="50" spans="1:21" ht="16.5" customHeight="1" thickBot="1">
      <c r="A50" s="182" t="s">
        <v>208</v>
      </c>
      <c r="B50" s="190">
        <v>24268029</v>
      </c>
      <c r="C50" s="184">
        <v>19954001</v>
      </c>
      <c r="D50" s="217">
        <v>82.223410067624357</v>
      </c>
      <c r="E50" s="190">
        <v>14013138</v>
      </c>
      <c r="F50" s="186">
        <v>70.227209069499395</v>
      </c>
      <c r="G50" s="184">
        <v>4995280</v>
      </c>
      <c r="H50" s="186">
        <v>25.03397689516002</v>
      </c>
      <c r="I50" s="184">
        <v>704997</v>
      </c>
      <c r="J50" s="186">
        <v>3.5331109785952197</v>
      </c>
      <c r="K50" s="218">
        <v>19713415</v>
      </c>
      <c r="L50" s="189">
        <v>98.794296943254636</v>
      </c>
      <c r="M50" s="190">
        <v>0</v>
      </c>
      <c r="N50" s="188">
        <v>0</v>
      </c>
      <c r="O50" s="184">
        <v>238196</v>
      </c>
      <c r="P50" s="188">
        <v>1.1937255089843886</v>
      </c>
      <c r="Q50" s="184">
        <v>2390</v>
      </c>
      <c r="R50" s="188">
        <v>1.1977547760972851E-2</v>
      </c>
      <c r="S50" s="184">
        <v>240586</v>
      </c>
      <c r="T50" s="189">
        <v>1.2057030567453615</v>
      </c>
    </row>
    <row r="51" spans="1:21" s="417" customFormat="1" ht="15" customHeight="1">
      <c r="A51" s="219" t="s">
        <v>209</v>
      </c>
      <c r="B51" s="220">
        <v>4594584308</v>
      </c>
      <c r="C51" s="221">
        <v>157405445</v>
      </c>
      <c r="D51" s="222">
        <v>3.4258908847516136</v>
      </c>
      <c r="E51" s="223">
        <v>28216451</v>
      </c>
      <c r="F51" s="224">
        <v>17.925968825284283</v>
      </c>
      <c r="G51" s="225">
        <v>119274001</v>
      </c>
      <c r="H51" s="224">
        <v>75.775015915110174</v>
      </c>
      <c r="I51" s="226">
        <v>3783637</v>
      </c>
      <c r="J51" s="227">
        <v>2.4037522971330505</v>
      </c>
      <c r="K51" s="228">
        <v>151274089</v>
      </c>
      <c r="L51" s="229">
        <v>96.104737037527514</v>
      </c>
      <c r="M51" s="230">
        <v>176514</v>
      </c>
      <c r="N51" s="224">
        <v>0.11213970393463835</v>
      </c>
      <c r="O51" s="225">
        <v>5698448</v>
      </c>
      <c r="P51" s="224">
        <v>3.6202356278081744</v>
      </c>
      <c r="Q51" s="226">
        <v>256394</v>
      </c>
      <c r="R51" s="224">
        <v>0.16288763072967394</v>
      </c>
      <c r="S51" s="226">
        <v>6131356</v>
      </c>
      <c r="T51" s="229">
        <v>3.8952629624724864</v>
      </c>
    </row>
    <row r="52" spans="1:21" s="417" customFormat="1" ht="15" customHeight="1" thickBot="1">
      <c r="A52" s="231" t="s">
        <v>210</v>
      </c>
      <c r="B52" s="232">
        <v>3867080</v>
      </c>
      <c r="C52" s="233">
        <v>3867080</v>
      </c>
      <c r="D52" s="234">
        <v>100</v>
      </c>
      <c r="E52" s="235">
        <v>725760</v>
      </c>
      <c r="F52" s="236">
        <v>18.76764897545435</v>
      </c>
      <c r="G52" s="235">
        <v>2934070</v>
      </c>
      <c r="H52" s="236">
        <v>75.873010126503715</v>
      </c>
      <c r="I52" s="237" t="s">
        <v>74</v>
      </c>
      <c r="J52" s="237" t="s">
        <v>74</v>
      </c>
      <c r="K52" s="238">
        <v>3659830</v>
      </c>
      <c r="L52" s="239">
        <v>94.640659101958065</v>
      </c>
      <c r="M52" s="240">
        <v>0</v>
      </c>
      <c r="N52" s="236">
        <v>0</v>
      </c>
      <c r="O52" s="233">
        <v>207250</v>
      </c>
      <c r="P52" s="236">
        <v>5.3593408980419328</v>
      </c>
      <c r="Q52" s="233" t="s">
        <v>74</v>
      </c>
      <c r="R52" s="236" t="s">
        <v>74</v>
      </c>
      <c r="S52" s="233">
        <v>207250</v>
      </c>
      <c r="T52" s="239">
        <v>5.3593408980419328</v>
      </c>
    </row>
    <row r="53" spans="1:21" s="417" customFormat="1" ht="16.5" customHeight="1" thickTop="1" thickBot="1">
      <c r="A53" s="424" t="s">
        <v>211</v>
      </c>
      <c r="B53" s="242">
        <v>4590717228</v>
      </c>
      <c r="C53" s="243">
        <v>153538365</v>
      </c>
      <c r="D53" s="244">
        <v>3.3445398044455636</v>
      </c>
      <c r="E53" s="245">
        <v>27490691</v>
      </c>
      <c r="F53" s="246">
        <v>17.904769925093316</v>
      </c>
      <c r="G53" s="247">
        <v>116339931</v>
      </c>
      <c r="H53" s="248">
        <v>75.772547792859456</v>
      </c>
      <c r="I53" s="247">
        <v>3783637</v>
      </c>
      <c r="J53" s="249">
        <v>2.4642941847140292</v>
      </c>
      <c r="K53" s="250">
        <v>147614259</v>
      </c>
      <c r="L53" s="251">
        <v>96.141611902666796</v>
      </c>
      <c r="M53" s="252">
        <v>176514</v>
      </c>
      <c r="N53" s="248">
        <v>0.11496410034065427</v>
      </c>
      <c r="O53" s="247">
        <v>5491198</v>
      </c>
      <c r="P53" s="248">
        <v>3.5764338118358885</v>
      </c>
      <c r="Q53" s="250">
        <v>256394</v>
      </c>
      <c r="R53" s="248">
        <v>0.16699018515665451</v>
      </c>
      <c r="S53" s="250">
        <v>5924106</v>
      </c>
      <c r="T53" s="253">
        <v>3.8583880973331972</v>
      </c>
      <c r="U53" s="416"/>
    </row>
    <row r="54" spans="1:21" ht="16.5" customHeight="1">
      <c r="A54" s="254"/>
      <c r="B54" s="255"/>
      <c r="C54" s="118"/>
      <c r="D54" s="118"/>
      <c r="E54" s="172"/>
      <c r="F54" s="172"/>
      <c r="G54" s="172"/>
      <c r="H54" s="172"/>
      <c r="I54" s="172"/>
      <c r="J54" s="172"/>
      <c r="K54" s="172"/>
      <c r="L54" s="172"/>
      <c r="M54" s="172"/>
      <c r="N54" s="172"/>
      <c r="O54" s="172"/>
      <c r="P54" s="172"/>
      <c r="Q54" s="172"/>
      <c r="R54" s="172"/>
      <c r="S54" s="172"/>
      <c r="T54" s="172"/>
    </row>
    <row r="55" spans="1:21" ht="16.5" customHeight="1">
      <c r="D55" s="257"/>
      <c r="E55" s="256"/>
      <c r="F55" s="256"/>
      <c r="G55" s="258"/>
      <c r="H55" s="256"/>
    </row>
    <row r="56" spans="1:21" ht="16.5" customHeight="1">
      <c r="D56" s="257"/>
      <c r="E56" s="256"/>
      <c r="F56" s="256"/>
      <c r="G56" s="256"/>
      <c r="H56" s="256"/>
    </row>
    <row r="57" spans="1:21" ht="16.5" customHeight="1">
      <c r="D57" s="257"/>
      <c r="E57" s="256"/>
      <c r="F57" s="256"/>
      <c r="G57" s="256"/>
      <c r="H57" s="256"/>
    </row>
    <row r="58" spans="1:21" ht="16.5" customHeight="1">
      <c r="D58" s="257"/>
      <c r="E58" s="256"/>
      <c r="F58" s="256"/>
      <c r="G58" s="256"/>
      <c r="H58" s="256"/>
    </row>
    <row r="59" spans="1:21" ht="16.5" customHeight="1">
      <c r="D59" s="257"/>
      <c r="E59" s="256"/>
      <c r="F59" s="256"/>
      <c r="G59" s="256"/>
      <c r="H59" s="256"/>
    </row>
  </sheetData>
  <mergeCells count="23">
    <mergeCell ref="X11:X12"/>
    <mergeCell ref="Y11:Y12"/>
    <mergeCell ref="P3:T3"/>
    <mergeCell ref="V18:Y20"/>
    <mergeCell ref="V22:Y25"/>
    <mergeCell ref="V27:Y28"/>
    <mergeCell ref="V30:Y32"/>
    <mergeCell ref="W13:W14"/>
    <mergeCell ref="X13:X14"/>
    <mergeCell ref="Y13:Y14"/>
    <mergeCell ref="V15:V16"/>
    <mergeCell ref="W15:W16"/>
    <mergeCell ref="X15:X16"/>
    <mergeCell ref="A4:A6"/>
    <mergeCell ref="B4:B6"/>
    <mergeCell ref="C4:C6"/>
    <mergeCell ref="E4:L4"/>
    <mergeCell ref="M4:T4"/>
    <mergeCell ref="Y15:Y16"/>
    <mergeCell ref="U5:Z5"/>
    <mergeCell ref="U6:Z6"/>
    <mergeCell ref="U7:Z7"/>
    <mergeCell ref="W11:W12"/>
  </mergeCells>
  <phoneticPr fontId="5"/>
  <conditionalFormatting sqref="B7:T53">
    <cfRule type="cellIs" dxfId="4" priority="2" operator="equal">
      <formula>0</formula>
    </cfRule>
  </conditionalFormatting>
  <pageMargins left="0.59055118110236227" right="0.59055118110236227" top="0.74803149606299213" bottom="0.47244094488188981" header="0.51181102362204722" footer="0.27559055118110237"/>
  <pageSetup paperSize="9" scale="89" fitToWidth="2" orientation="portrait" r:id="rId1"/>
  <headerFooter alignWithMargins="0"/>
  <colBreaks count="1" manualBreakCount="1">
    <brk id="11" max="52" man="1"/>
  </colBreaks>
  <ignoredErrors>
    <ignoredError sqref="U18:Y41" numberStoredAsText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T64"/>
  <sheetViews>
    <sheetView zoomScaleNormal="100" zoomScaleSheetLayoutView="84" workbookViewId="0">
      <pane xSplit="1" ySplit="4" topLeftCell="B5" activePane="bottomRight" state="frozen"/>
      <selection activeCell="B30" sqref="B30:C30"/>
      <selection pane="topRight" activeCell="B30" sqref="B30:C30"/>
      <selection pane="bottomLeft" activeCell="B30" sqref="B30:C30"/>
      <selection pane="bottomRight" activeCell="H59" sqref="H59"/>
    </sheetView>
  </sheetViews>
  <sheetFormatPr defaultColWidth="9" defaultRowHeight="16.5" customHeight="1"/>
  <cols>
    <col min="1" max="1" width="14.625" style="322" customWidth="1"/>
    <col min="2" max="2" width="8.125" style="276" customWidth="1"/>
    <col min="3" max="4" width="9.625" style="276" customWidth="1"/>
    <col min="5" max="6" width="8.125" style="276" customWidth="1"/>
    <col min="7" max="7" width="9.75" style="276" customWidth="1"/>
    <col min="8" max="8" width="8.125" style="276" customWidth="1"/>
    <col min="9" max="9" width="10" style="276" customWidth="1"/>
    <col min="10" max="10" width="8.75" style="276" customWidth="1"/>
    <col min="11" max="11" width="9.625" style="276" customWidth="1"/>
    <col min="12" max="13" width="8.75" style="276" customWidth="1"/>
    <col min="14" max="14" width="9.75" style="276" customWidth="1"/>
    <col min="15" max="15" width="8.75" style="276" customWidth="1"/>
    <col min="16" max="16" width="9.75" style="276" customWidth="1"/>
    <col min="17" max="18" width="8.75" style="276" customWidth="1"/>
    <col min="19" max="19" width="10.875" style="276" customWidth="1"/>
    <col min="20" max="20" width="4.75" style="276" customWidth="1"/>
    <col min="21" max="16384" width="9" style="276"/>
  </cols>
  <sheetData>
    <row r="1" spans="1:19" s="260" customFormat="1" ht="16.5" customHeight="1" thickBot="1">
      <c r="A1" s="120" t="s">
        <v>212</v>
      </c>
      <c r="B1" s="259"/>
      <c r="P1" s="261"/>
      <c r="R1" s="261"/>
      <c r="S1" s="262" t="s">
        <v>213</v>
      </c>
    </row>
    <row r="2" spans="1:19" s="263" customFormat="1" ht="14.1" customHeight="1" thickBot="1">
      <c r="A2" s="538" t="s">
        <v>214</v>
      </c>
      <c r="B2" s="541" t="s">
        <v>215</v>
      </c>
      <c r="C2" s="542"/>
      <c r="D2" s="542"/>
      <c r="E2" s="542"/>
      <c r="F2" s="542"/>
      <c r="G2" s="542"/>
      <c r="H2" s="543"/>
      <c r="I2" s="541" t="s">
        <v>216</v>
      </c>
      <c r="J2" s="542"/>
      <c r="K2" s="542"/>
      <c r="L2" s="542"/>
      <c r="M2" s="542"/>
      <c r="N2" s="542"/>
      <c r="O2" s="542"/>
      <c r="P2" s="542"/>
      <c r="Q2" s="543"/>
      <c r="R2" s="544" t="s">
        <v>217</v>
      </c>
      <c r="S2" s="522" t="s">
        <v>218</v>
      </c>
    </row>
    <row r="3" spans="1:19" s="263" customFormat="1" ht="14.1" customHeight="1">
      <c r="A3" s="539"/>
      <c r="B3" s="549" t="s">
        <v>219</v>
      </c>
      <c r="C3" s="550"/>
      <c r="D3" s="550"/>
      <c r="E3" s="551"/>
      <c r="F3" s="552" t="s">
        <v>220</v>
      </c>
      <c r="G3" s="554" t="s">
        <v>221</v>
      </c>
      <c r="H3" s="556" t="s">
        <v>222</v>
      </c>
      <c r="I3" s="558" t="s">
        <v>223</v>
      </c>
      <c r="J3" s="560" t="s">
        <v>224</v>
      </c>
      <c r="K3" s="550"/>
      <c r="L3" s="551"/>
      <c r="M3" s="264" t="s">
        <v>225</v>
      </c>
      <c r="N3" s="552" t="s">
        <v>226</v>
      </c>
      <c r="O3" s="552" t="s">
        <v>227</v>
      </c>
      <c r="P3" s="561" t="s">
        <v>228</v>
      </c>
      <c r="Q3" s="562" t="s">
        <v>222</v>
      </c>
      <c r="R3" s="545"/>
      <c r="S3" s="547"/>
    </row>
    <row r="4" spans="1:19" s="263" customFormat="1" ht="14.1" customHeight="1" thickBot="1">
      <c r="A4" s="540"/>
      <c r="B4" s="133" t="s">
        <v>230</v>
      </c>
      <c r="C4" s="265" t="s">
        <v>231</v>
      </c>
      <c r="D4" s="266" t="s">
        <v>232</v>
      </c>
      <c r="E4" s="265" t="s">
        <v>233</v>
      </c>
      <c r="F4" s="553"/>
      <c r="G4" s="555"/>
      <c r="H4" s="557"/>
      <c r="I4" s="559"/>
      <c r="J4" s="265" t="s">
        <v>234</v>
      </c>
      <c r="K4" s="134" t="s">
        <v>235</v>
      </c>
      <c r="L4" s="267" t="s">
        <v>236</v>
      </c>
      <c r="M4" s="135" t="s">
        <v>237</v>
      </c>
      <c r="N4" s="553"/>
      <c r="O4" s="553"/>
      <c r="P4" s="555"/>
      <c r="Q4" s="563"/>
      <c r="R4" s="546"/>
      <c r="S4" s="548"/>
    </row>
    <row r="5" spans="1:19" ht="14.25" customHeight="1">
      <c r="A5" s="268" t="s">
        <v>7</v>
      </c>
      <c r="B5" s="269">
        <v>100081</v>
      </c>
      <c r="C5" s="270">
        <v>6964024</v>
      </c>
      <c r="D5" s="193">
        <v>23272</v>
      </c>
      <c r="E5" s="270">
        <v>51459</v>
      </c>
      <c r="F5" s="270">
        <v>0</v>
      </c>
      <c r="G5" s="151">
        <v>7138836</v>
      </c>
      <c r="H5" s="271" t="s">
        <v>278</v>
      </c>
      <c r="I5" s="272">
        <v>15415113</v>
      </c>
      <c r="J5" s="168">
        <v>1602684</v>
      </c>
      <c r="K5" s="168">
        <v>2608911</v>
      </c>
      <c r="L5" s="168">
        <v>5847530</v>
      </c>
      <c r="M5" s="168">
        <v>256019</v>
      </c>
      <c r="N5" s="168">
        <v>11350494</v>
      </c>
      <c r="O5" s="168">
        <v>122868</v>
      </c>
      <c r="P5" s="151">
        <v>37203619</v>
      </c>
      <c r="Q5" s="273">
        <v>0</v>
      </c>
      <c r="R5" s="274">
        <v>1797522</v>
      </c>
      <c r="S5" s="275">
        <v>46139977</v>
      </c>
    </row>
    <row r="6" spans="1:19" ht="14.25" customHeight="1">
      <c r="A6" s="277" t="s">
        <v>11</v>
      </c>
      <c r="B6" s="215">
        <v>0</v>
      </c>
      <c r="C6" s="155">
        <v>2665744</v>
      </c>
      <c r="D6" s="155">
        <v>635934</v>
      </c>
      <c r="E6" s="155">
        <v>0</v>
      </c>
      <c r="F6" s="155">
        <v>101462</v>
      </c>
      <c r="G6" s="157">
        <v>3403140</v>
      </c>
      <c r="H6" s="278" t="s">
        <v>278</v>
      </c>
      <c r="I6" s="279">
        <v>6534526</v>
      </c>
      <c r="J6" s="155">
        <v>180521</v>
      </c>
      <c r="K6" s="155">
        <v>933677</v>
      </c>
      <c r="L6" s="155">
        <v>18999</v>
      </c>
      <c r="M6" s="155">
        <v>559943</v>
      </c>
      <c r="N6" s="155">
        <v>8092547</v>
      </c>
      <c r="O6" s="155">
        <v>29150</v>
      </c>
      <c r="P6" s="157">
        <v>16349363</v>
      </c>
      <c r="Q6" s="278">
        <v>0</v>
      </c>
      <c r="R6" s="280">
        <v>0</v>
      </c>
      <c r="S6" s="281">
        <v>19752503</v>
      </c>
    </row>
    <row r="7" spans="1:19" ht="14.25" customHeight="1">
      <c r="A7" s="277" t="s">
        <v>13</v>
      </c>
      <c r="B7" s="215">
        <v>0</v>
      </c>
      <c r="C7" s="155">
        <v>289399</v>
      </c>
      <c r="D7" s="155">
        <v>42516</v>
      </c>
      <c r="E7" s="155">
        <v>0</v>
      </c>
      <c r="F7" s="155">
        <v>0</v>
      </c>
      <c r="G7" s="157">
        <v>331915</v>
      </c>
      <c r="H7" s="278" t="s">
        <v>278</v>
      </c>
      <c r="I7" s="279">
        <v>2078536</v>
      </c>
      <c r="J7" s="155">
        <v>171466</v>
      </c>
      <c r="K7" s="155">
        <v>1813936</v>
      </c>
      <c r="L7" s="155">
        <v>61448</v>
      </c>
      <c r="M7" s="155">
        <v>41368</v>
      </c>
      <c r="N7" s="155">
        <v>5220334</v>
      </c>
      <c r="O7" s="155">
        <v>0</v>
      </c>
      <c r="P7" s="157">
        <v>9387088</v>
      </c>
      <c r="Q7" s="278">
        <v>0</v>
      </c>
      <c r="R7" s="280">
        <v>141803</v>
      </c>
      <c r="S7" s="281">
        <v>9860806</v>
      </c>
    </row>
    <row r="8" spans="1:19" ht="14.25" customHeight="1">
      <c r="A8" s="277" t="s">
        <v>15</v>
      </c>
      <c r="B8" s="215">
        <v>0</v>
      </c>
      <c r="C8" s="155">
        <v>130250</v>
      </c>
      <c r="D8" s="155">
        <v>0</v>
      </c>
      <c r="E8" s="155">
        <v>0</v>
      </c>
      <c r="F8" s="155">
        <v>0</v>
      </c>
      <c r="G8" s="157">
        <v>130250</v>
      </c>
      <c r="H8" s="278" t="s">
        <v>278</v>
      </c>
      <c r="I8" s="279">
        <v>1627068</v>
      </c>
      <c r="J8" s="155">
        <v>109593</v>
      </c>
      <c r="K8" s="155">
        <v>574266</v>
      </c>
      <c r="L8" s="155">
        <v>26775</v>
      </c>
      <c r="M8" s="155">
        <v>73943</v>
      </c>
      <c r="N8" s="155">
        <v>3377384</v>
      </c>
      <c r="O8" s="155">
        <v>855</v>
      </c>
      <c r="P8" s="157">
        <v>5789884</v>
      </c>
      <c r="Q8" s="278">
        <v>0</v>
      </c>
      <c r="R8" s="280">
        <v>333395</v>
      </c>
      <c r="S8" s="281">
        <v>6253529</v>
      </c>
    </row>
    <row r="9" spans="1:19" ht="14.25" customHeight="1" thickBot="1">
      <c r="A9" s="282" t="s">
        <v>17</v>
      </c>
      <c r="B9" s="283">
        <v>0</v>
      </c>
      <c r="C9" s="165">
        <v>0</v>
      </c>
      <c r="D9" s="165">
        <v>0</v>
      </c>
      <c r="E9" s="165">
        <v>0</v>
      </c>
      <c r="F9" s="165">
        <v>0</v>
      </c>
      <c r="G9" s="284">
        <v>0</v>
      </c>
      <c r="H9" s="285" t="s">
        <v>278</v>
      </c>
      <c r="I9" s="286">
        <v>1172856</v>
      </c>
      <c r="J9" s="165">
        <v>113720</v>
      </c>
      <c r="K9" s="165">
        <v>314213</v>
      </c>
      <c r="L9" s="165">
        <v>22951</v>
      </c>
      <c r="M9" s="165">
        <v>0</v>
      </c>
      <c r="N9" s="165">
        <v>1453637</v>
      </c>
      <c r="O9" s="165">
        <v>0</v>
      </c>
      <c r="P9" s="284">
        <v>3077377</v>
      </c>
      <c r="Q9" s="285">
        <v>0</v>
      </c>
      <c r="R9" s="287">
        <v>175549</v>
      </c>
      <c r="S9" s="288">
        <v>3252926</v>
      </c>
    </row>
    <row r="10" spans="1:19" ht="14.25" customHeight="1">
      <c r="A10" s="289" t="s">
        <v>19</v>
      </c>
      <c r="B10" s="196">
        <v>2124</v>
      </c>
      <c r="C10" s="143">
        <v>0</v>
      </c>
      <c r="D10" s="290">
        <v>0</v>
      </c>
      <c r="E10" s="143">
        <v>0</v>
      </c>
      <c r="F10" s="143">
        <v>36773</v>
      </c>
      <c r="G10" s="151">
        <v>38897</v>
      </c>
      <c r="H10" s="291" t="s">
        <v>278</v>
      </c>
      <c r="I10" s="292">
        <v>774292</v>
      </c>
      <c r="J10" s="145">
        <v>13948</v>
      </c>
      <c r="K10" s="145">
        <v>428135</v>
      </c>
      <c r="L10" s="145">
        <v>1679</v>
      </c>
      <c r="M10" s="145">
        <v>5110</v>
      </c>
      <c r="N10" s="145">
        <v>2754895</v>
      </c>
      <c r="O10" s="145">
        <v>27345</v>
      </c>
      <c r="P10" s="151">
        <v>4005404</v>
      </c>
      <c r="Q10" s="293">
        <v>0</v>
      </c>
      <c r="R10" s="294">
        <v>158084</v>
      </c>
      <c r="S10" s="275">
        <v>4202385</v>
      </c>
    </row>
    <row r="11" spans="1:19" ht="14.25" customHeight="1">
      <c r="A11" s="295" t="s">
        <v>21</v>
      </c>
      <c r="B11" s="215">
        <v>0</v>
      </c>
      <c r="C11" s="155">
        <v>152690</v>
      </c>
      <c r="D11" s="155">
        <v>0</v>
      </c>
      <c r="E11" s="155">
        <v>0</v>
      </c>
      <c r="F11" s="155">
        <v>3765</v>
      </c>
      <c r="G11" s="157">
        <v>156455</v>
      </c>
      <c r="H11" s="278" t="s">
        <v>278</v>
      </c>
      <c r="I11" s="279">
        <v>1950083</v>
      </c>
      <c r="J11" s="155">
        <v>631994</v>
      </c>
      <c r="K11" s="155">
        <v>314551</v>
      </c>
      <c r="L11" s="155">
        <v>56683</v>
      </c>
      <c r="M11" s="155">
        <v>0</v>
      </c>
      <c r="N11" s="155">
        <v>4117944</v>
      </c>
      <c r="O11" s="155">
        <v>0</v>
      </c>
      <c r="P11" s="157">
        <v>7071255</v>
      </c>
      <c r="Q11" s="278">
        <v>0</v>
      </c>
      <c r="R11" s="280">
        <v>0</v>
      </c>
      <c r="S11" s="281">
        <v>7227710</v>
      </c>
    </row>
    <row r="12" spans="1:19" ht="14.25" customHeight="1">
      <c r="A12" s="295" t="s">
        <v>23</v>
      </c>
      <c r="B12" s="215">
        <v>0</v>
      </c>
      <c r="C12" s="155">
        <v>276650</v>
      </c>
      <c r="D12" s="155">
        <v>0</v>
      </c>
      <c r="E12" s="155">
        <v>0</v>
      </c>
      <c r="F12" s="155">
        <v>0</v>
      </c>
      <c r="G12" s="157">
        <v>276650</v>
      </c>
      <c r="H12" s="278" t="s">
        <v>278</v>
      </c>
      <c r="I12" s="279">
        <v>511060</v>
      </c>
      <c r="J12" s="155">
        <v>22948</v>
      </c>
      <c r="K12" s="155">
        <v>296691</v>
      </c>
      <c r="L12" s="155">
        <v>11342</v>
      </c>
      <c r="M12" s="155">
        <v>20216</v>
      </c>
      <c r="N12" s="155">
        <v>1396742</v>
      </c>
      <c r="O12" s="155">
        <v>10395</v>
      </c>
      <c r="P12" s="157">
        <v>2269394</v>
      </c>
      <c r="Q12" s="278">
        <v>0</v>
      </c>
      <c r="R12" s="280">
        <v>62881</v>
      </c>
      <c r="S12" s="281">
        <v>2608925</v>
      </c>
    </row>
    <row r="13" spans="1:19" ht="14.25" customHeight="1">
      <c r="A13" s="295" t="s">
        <v>25</v>
      </c>
      <c r="B13" s="215">
        <v>0</v>
      </c>
      <c r="C13" s="155">
        <v>850300</v>
      </c>
      <c r="D13" s="155">
        <v>0</v>
      </c>
      <c r="E13" s="155">
        <v>0</v>
      </c>
      <c r="F13" s="155">
        <v>0</v>
      </c>
      <c r="G13" s="157">
        <v>850300</v>
      </c>
      <c r="H13" s="278" t="s">
        <v>278</v>
      </c>
      <c r="I13" s="279">
        <v>840685</v>
      </c>
      <c r="J13" s="155">
        <v>134942</v>
      </c>
      <c r="K13" s="155">
        <v>709829</v>
      </c>
      <c r="L13" s="155">
        <v>131735</v>
      </c>
      <c r="M13" s="155">
        <v>44662</v>
      </c>
      <c r="N13" s="155">
        <v>1742893</v>
      </c>
      <c r="O13" s="155">
        <v>0</v>
      </c>
      <c r="P13" s="157">
        <v>3604746</v>
      </c>
      <c r="Q13" s="278">
        <v>0</v>
      </c>
      <c r="R13" s="280">
        <v>535</v>
      </c>
      <c r="S13" s="281">
        <v>4455581</v>
      </c>
    </row>
    <row r="14" spans="1:19" ht="14.25" customHeight="1" thickBot="1">
      <c r="A14" s="296" t="s">
        <v>27</v>
      </c>
      <c r="B14" s="283">
        <v>0</v>
      </c>
      <c r="C14" s="165">
        <v>0</v>
      </c>
      <c r="D14" s="165">
        <v>0</v>
      </c>
      <c r="E14" s="165">
        <v>0</v>
      </c>
      <c r="F14" s="165">
        <v>0</v>
      </c>
      <c r="G14" s="284">
        <v>0</v>
      </c>
      <c r="H14" s="285" t="s">
        <v>278</v>
      </c>
      <c r="I14" s="286">
        <v>423245</v>
      </c>
      <c r="J14" s="165">
        <v>7780</v>
      </c>
      <c r="K14" s="165">
        <v>609019</v>
      </c>
      <c r="L14" s="165">
        <v>2221</v>
      </c>
      <c r="M14" s="165">
        <v>0</v>
      </c>
      <c r="N14" s="165">
        <v>408719</v>
      </c>
      <c r="O14" s="165">
        <v>0</v>
      </c>
      <c r="P14" s="284">
        <v>1450984</v>
      </c>
      <c r="Q14" s="285">
        <v>0</v>
      </c>
      <c r="R14" s="287">
        <v>0</v>
      </c>
      <c r="S14" s="288">
        <v>1450984</v>
      </c>
    </row>
    <row r="15" spans="1:19" ht="14.25" customHeight="1">
      <c r="A15" s="289" t="s">
        <v>28</v>
      </c>
      <c r="B15" s="196">
        <v>0</v>
      </c>
      <c r="C15" s="143">
        <v>820</v>
      </c>
      <c r="D15" s="290">
        <v>0</v>
      </c>
      <c r="E15" s="143">
        <v>0</v>
      </c>
      <c r="F15" s="143">
        <v>12236</v>
      </c>
      <c r="G15" s="151">
        <v>13056</v>
      </c>
      <c r="H15" s="291" t="s">
        <v>278</v>
      </c>
      <c r="I15" s="292">
        <v>247592</v>
      </c>
      <c r="J15" s="145">
        <v>30585</v>
      </c>
      <c r="K15" s="145">
        <v>32663</v>
      </c>
      <c r="L15" s="145">
        <v>16104</v>
      </c>
      <c r="M15" s="145">
        <v>0</v>
      </c>
      <c r="N15" s="145">
        <v>500570</v>
      </c>
      <c r="O15" s="145">
        <v>0</v>
      </c>
      <c r="P15" s="151">
        <v>827514</v>
      </c>
      <c r="Q15" s="293">
        <v>0</v>
      </c>
      <c r="R15" s="294">
        <v>57225</v>
      </c>
      <c r="S15" s="275">
        <v>897795</v>
      </c>
    </row>
    <row r="16" spans="1:19" ht="14.25" customHeight="1">
      <c r="A16" s="295" t="s">
        <v>30</v>
      </c>
      <c r="B16" s="215">
        <v>0</v>
      </c>
      <c r="C16" s="155">
        <v>0</v>
      </c>
      <c r="D16" s="155">
        <v>0</v>
      </c>
      <c r="E16" s="155">
        <v>0</v>
      </c>
      <c r="F16" s="155">
        <v>0</v>
      </c>
      <c r="G16" s="157">
        <v>0</v>
      </c>
      <c r="H16" s="278">
        <v>20309</v>
      </c>
      <c r="I16" s="279">
        <v>199736</v>
      </c>
      <c r="J16" s="155">
        <v>4356</v>
      </c>
      <c r="K16" s="155">
        <v>0</v>
      </c>
      <c r="L16" s="155">
        <v>0</v>
      </c>
      <c r="M16" s="155">
        <v>19803</v>
      </c>
      <c r="N16" s="155">
        <v>999758</v>
      </c>
      <c r="O16" s="155">
        <v>0</v>
      </c>
      <c r="P16" s="157">
        <v>1223653</v>
      </c>
      <c r="Q16" s="278">
        <v>824849</v>
      </c>
      <c r="R16" s="280">
        <v>16951</v>
      </c>
      <c r="S16" s="281">
        <v>1240604</v>
      </c>
    </row>
    <row r="17" spans="1:20" ht="14.25" customHeight="1">
      <c r="A17" s="295" t="s">
        <v>32</v>
      </c>
      <c r="B17" s="215">
        <v>0</v>
      </c>
      <c r="C17" s="155">
        <v>0</v>
      </c>
      <c r="D17" s="155">
        <v>0</v>
      </c>
      <c r="E17" s="155">
        <v>0</v>
      </c>
      <c r="F17" s="155">
        <v>0</v>
      </c>
      <c r="G17" s="157">
        <v>0</v>
      </c>
      <c r="H17" s="278">
        <v>537544</v>
      </c>
      <c r="I17" s="279">
        <v>829441</v>
      </c>
      <c r="J17" s="155">
        <v>132081</v>
      </c>
      <c r="K17" s="155">
        <v>210064</v>
      </c>
      <c r="L17" s="155">
        <v>2582</v>
      </c>
      <c r="M17" s="155">
        <v>32757</v>
      </c>
      <c r="N17" s="155">
        <v>2590664</v>
      </c>
      <c r="O17" s="155">
        <v>0</v>
      </c>
      <c r="P17" s="157">
        <v>3797589</v>
      </c>
      <c r="Q17" s="278">
        <v>0</v>
      </c>
      <c r="R17" s="280">
        <v>118722</v>
      </c>
      <c r="S17" s="281">
        <v>3916311</v>
      </c>
    </row>
    <row r="18" spans="1:20" ht="14.25" customHeight="1">
      <c r="A18" s="295" t="s">
        <v>34</v>
      </c>
      <c r="B18" s="215">
        <v>0</v>
      </c>
      <c r="C18" s="155">
        <v>0</v>
      </c>
      <c r="D18" s="155">
        <v>0</v>
      </c>
      <c r="E18" s="155">
        <v>0</v>
      </c>
      <c r="F18" s="155">
        <v>0</v>
      </c>
      <c r="G18" s="157">
        <v>0</v>
      </c>
      <c r="H18" s="278" t="s">
        <v>278</v>
      </c>
      <c r="I18" s="279">
        <v>631443</v>
      </c>
      <c r="J18" s="155">
        <v>136238</v>
      </c>
      <c r="K18" s="155">
        <v>3609927</v>
      </c>
      <c r="L18" s="155">
        <v>6992</v>
      </c>
      <c r="M18" s="155">
        <v>1143</v>
      </c>
      <c r="N18" s="155">
        <v>2080530</v>
      </c>
      <c r="O18" s="155">
        <v>0</v>
      </c>
      <c r="P18" s="157">
        <v>6466273</v>
      </c>
      <c r="Q18" s="278">
        <v>0</v>
      </c>
      <c r="R18" s="280">
        <v>1913</v>
      </c>
      <c r="S18" s="281">
        <v>6468186</v>
      </c>
    </row>
    <row r="19" spans="1:20" ht="14.25" customHeight="1" thickBot="1">
      <c r="A19" s="296" t="s">
        <v>36</v>
      </c>
      <c r="B19" s="283">
        <v>0</v>
      </c>
      <c r="C19" s="165">
        <v>0</v>
      </c>
      <c r="D19" s="165">
        <v>0</v>
      </c>
      <c r="E19" s="165">
        <v>0</v>
      </c>
      <c r="F19" s="165">
        <v>0</v>
      </c>
      <c r="G19" s="284">
        <v>0</v>
      </c>
      <c r="H19" s="285">
        <v>13231</v>
      </c>
      <c r="I19" s="286">
        <v>303888</v>
      </c>
      <c r="J19" s="165">
        <v>13451</v>
      </c>
      <c r="K19" s="165">
        <v>6183</v>
      </c>
      <c r="L19" s="165">
        <v>3301</v>
      </c>
      <c r="M19" s="165">
        <v>25837</v>
      </c>
      <c r="N19" s="165">
        <v>414081</v>
      </c>
      <c r="O19" s="165">
        <v>0</v>
      </c>
      <c r="P19" s="284">
        <v>766741</v>
      </c>
      <c r="Q19" s="285">
        <v>537375</v>
      </c>
      <c r="R19" s="287">
        <v>120917</v>
      </c>
      <c r="S19" s="288">
        <v>887658</v>
      </c>
    </row>
    <row r="20" spans="1:20" ht="14.25" customHeight="1">
      <c r="A20" s="289" t="s">
        <v>38</v>
      </c>
      <c r="B20" s="196">
        <v>0</v>
      </c>
      <c r="C20" s="143">
        <v>0</v>
      </c>
      <c r="D20" s="290">
        <v>0</v>
      </c>
      <c r="E20" s="143">
        <v>0</v>
      </c>
      <c r="F20" s="143">
        <v>0</v>
      </c>
      <c r="G20" s="151">
        <v>0</v>
      </c>
      <c r="H20" s="291">
        <v>4080</v>
      </c>
      <c r="I20" s="292">
        <v>393996</v>
      </c>
      <c r="J20" s="145">
        <v>311112</v>
      </c>
      <c r="K20" s="145">
        <v>154367</v>
      </c>
      <c r="L20" s="145">
        <v>0</v>
      </c>
      <c r="M20" s="145">
        <v>0</v>
      </c>
      <c r="N20" s="145">
        <v>429885</v>
      </c>
      <c r="O20" s="145">
        <v>0</v>
      </c>
      <c r="P20" s="151">
        <v>1289360</v>
      </c>
      <c r="Q20" s="293">
        <v>216724</v>
      </c>
      <c r="R20" s="294">
        <v>0</v>
      </c>
      <c r="S20" s="275">
        <v>1289360</v>
      </c>
    </row>
    <row r="21" spans="1:20" ht="14.25" customHeight="1">
      <c r="A21" s="295" t="s">
        <v>40</v>
      </c>
      <c r="B21" s="215">
        <v>0</v>
      </c>
      <c r="C21" s="155">
        <v>0</v>
      </c>
      <c r="D21" s="155">
        <v>0</v>
      </c>
      <c r="E21" s="155">
        <v>0</v>
      </c>
      <c r="F21" s="155">
        <v>0</v>
      </c>
      <c r="G21" s="157">
        <v>0</v>
      </c>
      <c r="H21" s="278">
        <v>4270</v>
      </c>
      <c r="I21" s="279">
        <v>573767</v>
      </c>
      <c r="J21" s="155">
        <v>90651</v>
      </c>
      <c r="K21" s="155">
        <v>23316</v>
      </c>
      <c r="L21" s="155">
        <v>0</v>
      </c>
      <c r="M21" s="155">
        <v>0</v>
      </c>
      <c r="N21" s="155">
        <v>389186</v>
      </c>
      <c r="O21" s="155">
        <v>0</v>
      </c>
      <c r="P21" s="157">
        <v>1076920</v>
      </c>
      <c r="Q21" s="278">
        <v>226829</v>
      </c>
      <c r="R21" s="280">
        <v>23874</v>
      </c>
      <c r="S21" s="281">
        <v>1100794</v>
      </c>
    </row>
    <row r="22" spans="1:20" ht="14.25" customHeight="1">
      <c r="A22" s="295" t="s">
        <v>41</v>
      </c>
      <c r="B22" s="215">
        <v>0</v>
      </c>
      <c r="C22" s="155">
        <v>89657</v>
      </c>
      <c r="D22" s="155">
        <v>0</v>
      </c>
      <c r="E22" s="155">
        <v>0</v>
      </c>
      <c r="F22" s="155">
        <v>0</v>
      </c>
      <c r="G22" s="157">
        <v>89657</v>
      </c>
      <c r="H22" s="278" t="s">
        <v>278</v>
      </c>
      <c r="I22" s="279">
        <v>34753</v>
      </c>
      <c r="J22" s="155">
        <v>0</v>
      </c>
      <c r="K22" s="155">
        <v>134828</v>
      </c>
      <c r="L22" s="155">
        <v>8458</v>
      </c>
      <c r="M22" s="155">
        <v>0</v>
      </c>
      <c r="N22" s="155">
        <v>408977</v>
      </c>
      <c r="O22" s="155">
        <v>0</v>
      </c>
      <c r="P22" s="157">
        <v>587016</v>
      </c>
      <c r="Q22" s="278">
        <v>0</v>
      </c>
      <c r="R22" s="280">
        <v>0</v>
      </c>
      <c r="S22" s="281">
        <v>676673</v>
      </c>
    </row>
    <row r="23" spans="1:20" ht="14.25" customHeight="1" thickBot="1">
      <c r="A23" s="297" t="s">
        <v>43</v>
      </c>
      <c r="B23" s="215">
        <v>0</v>
      </c>
      <c r="C23" s="155">
        <v>0</v>
      </c>
      <c r="D23" s="155">
        <v>0</v>
      </c>
      <c r="E23" s="155">
        <v>0</v>
      </c>
      <c r="F23" s="155">
        <v>0</v>
      </c>
      <c r="G23" s="284">
        <v>0</v>
      </c>
      <c r="H23" s="278">
        <v>3616</v>
      </c>
      <c r="I23" s="286">
        <v>202800</v>
      </c>
      <c r="J23" s="165">
        <v>16489</v>
      </c>
      <c r="K23" s="165">
        <v>0</v>
      </c>
      <c r="L23" s="165">
        <v>0</v>
      </c>
      <c r="M23" s="165">
        <v>12613</v>
      </c>
      <c r="N23" s="165">
        <v>432424</v>
      </c>
      <c r="O23" s="165">
        <v>0</v>
      </c>
      <c r="P23" s="284">
        <v>664326</v>
      </c>
      <c r="Q23" s="285">
        <v>192120</v>
      </c>
      <c r="R23" s="280">
        <v>60018</v>
      </c>
      <c r="S23" s="288">
        <v>724344</v>
      </c>
    </row>
    <row r="24" spans="1:20" ht="15.75" customHeight="1" thickBot="1">
      <c r="A24" s="298" t="s">
        <v>238</v>
      </c>
      <c r="B24" s="196">
        <v>102205</v>
      </c>
      <c r="C24" s="143">
        <v>11419534</v>
      </c>
      <c r="D24" s="290">
        <v>701722</v>
      </c>
      <c r="E24" s="143">
        <v>51459</v>
      </c>
      <c r="F24" s="143">
        <v>154236</v>
      </c>
      <c r="G24" s="284">
        <v>12429156</v>
      </c>
      <c r="H24" s="291">
        <v>583050</v>
      </c>
      <c r="I24" s="299">
        <v>34744880</v>
      </c>
      <c r="J24" s="270">
        <v>3724559</v>
      </c>
      <c r="K24" s="270">
        <v>12774576</v>
      </c>
      <c r="L24" s="270">
        <v>6218800</v>
      </c>
      <c r="M24" s="270">
        <v>1093414</v>
      </c>
      <c r="N24" s="165">
        <v>48161664</v>
      </c>
      <c r="O24" s="165">
        <v>190613</v>
      </c>
      <c r="P24" s="284">
        <v>106908506</v>
      </c>
      <c r="Q24" s="285">
        <v>1997897</v>
      </c>
      <c r="R24" s="300">
        <v>3069389</v>
      </c>
      <c r="S24" s="288">
        <v>122407051</v>
      </c>
    </row>
    <row r="25" spans="1:20" ht="14.25" customHeight="1">
      <c r="A25" s="289" t="s">
        <v>47</v>
      </c>
      <c r="B25" s="196">
        <v>0</v>
      </c>
      <c r="C25" s="143">
        <v>0</v>
      </c>
      <c r="D25" s="290">
        <v>0</v>
      </c>
      <c r="E25" s="143">
        <v>0</v>
      </c>
      <c r="F25" s="143">
        <v>885407</v>
      </c>
      <c r="G25" s="151">
        <v>885407</v>
      </c>
      <c r="H25" s="291" t="s">
        <v>278</v>
      </c>
      <c r="I25" s="292">
        <v>276251</v>
      </c>
      <c r="J25" s="145">
        <v>72006</v>
      </c>
      <c r="K25" s="145">
        <v>3196</v>
      </c>
      <c r="L25" s="145">
        <v>0</v>
      </c>
      <c r="M25" s="145">
        <v>18009</v>
      </c>
      <c r="N25" s="145">
        <v>398670</v>
      </c>
      <c r="O25" s="145">
        <v>0</v>
      </c>
      <c r="P25" s="151">
        <v>768132</v>
      </c>
      <c r="Q25" s="293">
        <v>0</v>
      </c>
      <c r="R25" s="294">
        <v>0</v>
      </c>
      <c r="S25" s="275">
        <v>1653539</v>
      </c>
    </row>
    <row r="26" spans="1:20" ht="14.25" customHeight="1">
      <c r="A26" s="295" t="s">
        <v>49</v>
      </c>
      <c r="B26" s="215">
        <v>0</v>
      </c>
      <c r="C26" s="155">
        <v>86721</v>
      </c>
      <c r="D26" s="155">
        <v>0</v>
      </c>
      <c r="E26" s="155">
        <v>0</v>
      </c>
      <c r="F26" s="155">
        <v>0</v>
      </c>
      <c r="G26" s="157">
        <v>86721</v>
      </c>
      <c r="H26" s="278" t="s">
        <v>278</v>
      </c>
      <c r="I26" s="279">
        <v>47299</v>
      </c>
      <c r="J26" s="155">
        <v>0</v>
      </c>
      <c r="K26" s="155">
        <v>41035</v>
      </c>
      <c r="L26" s="155">
        <v>118</v>
      </c>
      <c r="M26" s="155">
        <v>0</v>
      </c>
      <c r="N26" s="155">
        <v>423564</v>
      </c>
      <c r="O26" s="155">
        <v>1155</v>
      </c>
      <c r="P26" s="157">
        <v>513171</v>
      </c>
      <c r="Q26" s="278">
        <v>0</v>
      </c>
      <c r="R26" s="280">
        <v>41</v>
      </c>
      <c r="S26" s="281">
        <v>599933</v>
      </c>
    </row>
    <row r="27" spans="1:20" ht="14.25" customHeight="1">
      <c r="A27" s="295" t="s">
        <v>51</v>
      </c>
      <c r="B27" s="215">
        <v>0</v>
      </c>
      <c r="C27" s="155">
        <v>0</v>
      </c>
      <c r="D27" s="155">
        <v>0</v>
      </c>
      <c r="E27" s="155">
        <v>0</v>
      </c>
      <c r="F27" s="155">
        <v>0</v>
      </c>
      <c r="G27" s="157">
        <v>0</v>
      </c>
      <c r="H27" s="278" t="s">
        <v>278</v>
      </c>
      <c r="I27" s="279">
        <v>43238</v>
      </c>
      <c r="J27" s="155">
        <v>4974</v>
      </c>
      <c r="K27" s="155">
        <v>12487</v>
      </c>
      <c r="L27" s="155">
        <v>623</v>
      </c>
      <c r="M27" s="155">
        <v>0</v>
      </c>
      <c r="N27" s="155">
        <v>492177</v>
      </c>
      <c r="O27" s="155">
        <v>0</v>
      </c>
      <c r="P27" s="157">
        <v>553499</v>
      </c>
      <c r="Q27" s="278">
        <v>0</v>
      </c>
      <c r="R27" s="280">
        <v>0</v>
      </c>
      <c r="S27" s="281">
        <v>553499</v>
      </c>
    </row>
    <row r="28" spans="1:20" ht="14.25" customHeight="1" thickBot="1">
      <c r="A28" s="296" t="s">
        <v>53</v>
      </c>
      <c r="B28" s="215">
        <v>0</v>
      </c>
      <c r="C28" s="155">
        <v>0</v>
      </c>
      <c r="D28" s="155">
        <v>5297</v>
      </c>
      <c r="E28" s="155">
        <v>4895</v>
      </c>
      <c r="F28" s="155">
        <v>0</v>
      </c>
      <c r="G28" s="284">
        <v>10192</v>
      </c>
      <c r="H28" s="278" t="s">
        <v>278</v>
      </c>
      <c r="I28" s="279">
        <v>43313</v>
      </c>
      <c r="J28" s="155">
        <v>655</v>
      </c>
      <c r="K28" s="155">
        <v>3376</v>
      </c>
      <c r="L28" s="155">
        <v>233</v>
      </c>
      <c r="M28" s="155">
        <v>0</v>
      </c>
      <c r="N28" s="155">
        <v>453230</v>
      </c>
      <c r="O28" s="155">
        <v>0</v>
      </c>
      <c r="P28" s="284">
        <v>500807</v>
      </c>
      <c r="Q28" s="278">
        <v>0</v>
      </c>
      <c r="R28" s="280">
        <v>0</v>
      </c>
      <c r="S28" s="288">
        <v>510999</v>
      </c>
    </row>
    <row r="29" spans="1:20" ht="14.25" customHeight="1">
      <c r="A29" s="289" t="s">
        <v>55</v>
      </c>
      <c r="B29" s="196">
        <v>0</v>
      </c>
      <c r="C29" s="143">
        <v>0</v>
      </c>
      <c r="D29" s="290">
        <v>0</v>
      </c>
      <c r="E29" s="143">
        <v>0</v>
      </c>
      <c r="F29" s="143">
        <v>0</v>
      </c>
      <c r="G29" s="151">
        <v>0</v>
      </c>
      <c r="H29" s="291" t="s">
        <v>278</v>
      </c>
      <c r="I29" s="292">
        <v>1040</v>
      </c>
      <c r="J29" s="145">
        <v>0</v>
      </c>
      <c r="K29" s="145">
        <v>0</v>
      </c>
      <c r="L29" s="145">
        <v>0</v>
      </c>
      <c r="M29" s="145">
        <v>0</v>
      </c>
      <c r="N29" s="145">
        <v>61135</v>
      </c>
      <c r="O29" s="145">
        <v>0</v>
      </c>
      <c r="P29" s="151">
        <v>62175</v>
      </c>
      <c r="Q29" s="293">
        <v>82161</v>
      </c>
      <c r="R29" s="294">
        <v>0</v>
      </c>
      <c r="S29" s="275">
        <v>62175</v>
      </c>
    </row>
    <row r="30" spans="1:20" ht="14.25" customHeight="1">
      <c r="A30" s="295" t="s">
        <v>57</v>
      </c>
      <c r="B30" s="215">
        <v>0</v>
      </c>
      <c r="C30" s="155">
        <v>0</v>
      </c>
      <c r="D30" s="155">
        <v>0</v>
      </c>
      <c r="E30" s="155">
        <v>0</v>
      </c>
      <c r="F30" s="155">
        <v>0</v>
      </c>
      <c r="G30" s="157">
        <v>0</v>
      </c>
      <c r="H30" s="278" t="s">
        <v>278</v>
      </c>
      <c r="I30" s="279">
        <v>0</v>
      </c>
      <c r="J30" s="155">
        <v>0</v>
      </c>
      <c r="K30" s="155">
        <v>0</v>
      </c>
      <c r="L30" s="155">
        <v>0</v>
      </c>
      <c r="M30" s="155">
        <v>0</v>
      </c>
      <c r="N30" s="155">
        <v>108849</v>
      </c>
      <c r="O30" s="155">
        <v>6270</v>
      </c>
      <c r="P30" s="157">
        <v>115119</v>
      </c>
      <c r="Q30" s="278">
        <v>123422</v>
      </c>
      <c r="R30" s="280">
        <v>0</v>
      </c>
      <c r="S30" s="281">
        <v>115119</v>
      </c>
    </row>
    <row r="31" spans="1:20" ht="14.25" customHeight="1">
      <c r="A31" s="295" t="s">
        <v>59</v>
      </c>
      <c r="B31" s="215">
        <v>0</v>
      </c>
      <c r="C31" s="155">
        <v>0</v>
      </c>
      <c r="D31" s="155">
        <v>0</v>
      </c>
      <c r="E31" s="155">
        <v>0</v>
      </c>
      <c r="F31" s="155">
        <v>0</v>
      </c>
      <c r="G31" s="157">
        <v>0</v>
      </c>
      <c r="H31" s="278" t="s">
        <v>278</v>
      </c>
      <c r="I31" s="279">
        <v>0</v>
      </c>
      <c r="J31" s="155">
        <v>0</v>
      </c>
      <c r="K31" s="155">
        <v>0</v>
      </c>
      <c r="L31" s="155">
        <v>0</v>
      </c>
      <c r="M31" s="155">
        <v>0</v>
      </c>
      <c r="N31" s="155">
        <v>43219</v>
      </c>
      <c r="O31" s="155">
        <v>0</v>
      </c>
      <c r="P31" s="157">
        <v>43219</v>
      </c>
      <c r="Q31" s="278">
        <v>88417</v>
      </c>
      <c r="R31" s="280">
        <v>0</v>
      </c>
      <c r="S31" s="281">
        <v>43219</v>
      </c>
      <c r="T31" s="435"/>
    </row>
    <row r="32" spans="1:20" ht="14.25" customHeight="1">
      <c r="A32" s="295" t="s">
        <v>61</v>
      </c>
      <c r="B32" s="215">
        <v>0</v>
      </c>
      <c r="C32" s="155">
        <v>0</v>
      </c>
      <c r="D32" s="155">
        <v>0</v>
      </c>
      <c r="E32" s="155">
        <v>0</v>
      </c>
      <c r="F32" s="155">
        <v>0</v>
      </c>
      <c r="G32" s="157">
        <v>0</v>
      </c>
      <c r="H32" s="278">
        <v>9737</v>
      </c>
      <c r="I32" s="279">
        <v>3845</v>
      </c>
      <c r="J32" s="155">
        <v>5817</v>
      </c>
      <c r="K32" s="155">
        <v>0</v>
      </c>
      <c r="L32" s="155">
        <v>0</v>
      </c>
      <c r="M32" s="155">
        <v>0</v>
      </c>
      <c r="N32" s="155">
        <v>77328</v>
      </c>
      <c r="O32" s="155">
        <v>0</v>
      </c>
      <c r="P32" s="157">
        <v>86990</v>
      </c>
      <c r="Q32" s="278">
        <v>78212</v>
      </c>
      <c r="R32" s="280">
        <v>0</v>
      </c>
      <c r="S32" s="281">
        <v>86990</v>
      </c>
    </row>
    <row r="33" spans="1:19" ht="14.25" customHeight="1" thickBot="1">
      <c r="A33" s="296" t="s">
        <v>63</v>
      </c>
      <c r="B33" s="283">
        <v>0</v>
      </c>
      <c r="C33" s="165">
        <v>0</v>
      </c>
      <c r="D33" s="165">
        <v>0</v>
      </c>
      <c r="E33" s="165">
        <v>0</v>
      </c>
      <c r="F33" s="165">
        <v>0</v>
      </c>
      <c r="G33" s="284">
        <v>0</v>
      </c>
      <c r="H33" s="285">
        <v>13105</v>
      </c>
      <c r="I33" s="286">
        <v>16417</v>
      </c>
      <c r="J33" s="165">
        <v>0</v>
      </c>
      <c r="K33" s="165">
        <v>2757</v>
      </c>
      <c r="L33" s="165">
        <v>0</v>
      </c>
      <c r="M33" s="165">
        <v>0</v>
      </c>
      <c r="N33" s="165">
        <v>105651</v>
      </c>
      <c r="O33" s="165">
        <v>0</v>
      </c>
      <c r="P33" s="284">
        <v>124825</v>
      </c>
      <c r="Q33" s="285">
        <v>105293</v>
      </c>
      <c r="R33" s="287">
        <v>0</v>
      </c>
      <c r="S33" s="288">
        <v>124825</v>
      </c>
    </row>
    <row r="34" spans="1:19" ht="14.25" customHeight="1">
      <c r="A34" s="289" t="s">
        <v>65</v>
      </c>
      <c r="B34" s="196">
        <v>0</v>
      </c>
      <c r="C34" s="143">
        <v>47300</v>
      </c>
      <c r="D34" s="290">
        <v>7777</v>
      </c>
      <c r="E34" s="143">
        <v>0</v>
      </c>
      <c r="F34" s="143">
        <v>0</v>
      </c>
      <c r="G34" s="151">
        <v>55077</v>
      </c>
      <c r="H34" s="291" t="s">
        <v>278</v>
      </c>
      <c r="I34" s="292">
        <v>75450</v>
      </c>
      <c r="J34" s="145">
        <v>2252</v>
      </c>
      <c r="K34" s="145">
        <v>122007</v>
      </c>
      <c r="L34" s="145">
        <v>9619</v>
      </c>
      <c r="M34" s="145">
        <v>0</v>
      </c>
      <c r="N34" s="145">
        <v>495293</v>
      </c>
      <c r="O34" s="145">
        <v>0</v>
      </c>
      <c r="P34" s="151">
        <v>704621</v>
      </c>
      <c r="Q34" s="293">
        <v>0</v>
      </c>
      <c r="R34" s="294">
        <v>0</v>
      </c>
      <c r="S34" s="275">
        <v>759698</v>
      </c>
    </row>
    <row r="35" spans="1:19" ht="14.25" customHeight="1">
      <c r="A35" s="295" t="s">
        <v>67</v>
      </c>
      <c r="B35" s="215">
        <v>0</v>
      </c>
      <c r="C35" s="155">
        <v>0</v>
      </c>
      <c r="D35" s="155">
        <v>0</v>
      </c>
      <c r="E35" s="155">
        <v>0</v>
      </c>
      <c r="F35" s="155">
        <v>0</v>
      </c>
      <c r="G35" s="157">
        <v>0</v>
      </c>
      <c r="H35" s="278">
        <v>4651</v>
      </c>
      <c r="I35" s="279">
        <v>0</v>
      </c>
      <c r="J35" s="155">
        <v>0</v>
      </c>
      <c r="K35" s="155">
        <v>0</v>
      </c>
      <c r="L35" s="155">
        <v>0</v>
      </c>
      <c r="M35" s="155">
        <v>0</v>
      </c>
      <c r="N35" s="155">
        <v>50479</v>
      </c>
      <c r="O35" s="155">
        <v>0</v>
      </c>
      <c r="P35" s="157">
        <v>50479</v>
      </c>
      <c r="Q35" s="278">
        <v>130218</v>
      </c>
      <c r="R35" s="280">
        <v>0</v>
      </c>
      <c r="S35" s="281">
        <v>50479</v>
      </c>
    </row>
    <row r="36" spans="1:19" ht="14.25" customHeight="1">
      <c r="A36" s="295" t="s">
        <v>69</v>
      </c>
      <c r="B36" s="215">
        <v>0</v>
      </c>
      <c r="C36" s="155">
        <v>0</v>
      </c>
      <c r="D36" s="155">
        <v>0</v>
      </c>
      <c r="E36" s="155">
        <v>0</v>
      </c>
      <c r="F36" s="155">
        <v>0</v>
      </c>
      <c r="G36" s="157">
        <v>0</v>
      </c>
      <c r="H36" s="278">
        <v>8379</v>
      </c>
      <c r="I36" s="279">
        <v>93869</v>
      </c>
      <c r="J36" s="155">
        <v>3494</v>
      </c>
      <c r="K36" s="155">
        <v>0</v>
      </c>
      <c r="L36" s="155">
        <v>0</v>
      </c>
      <c r="M36" s="155">
        <v>0</v>
      </c>
      <c r="N36" s="155">
        <v>140990</v>
      </c>
      <c r="O36" s="155">
        <v>0</v>
      </c>
      <c r="P36" s="157">
        <v>238353</v>
      </c>
      <c r="Q36" s="278">
        <v>328450</v>
      </c>
      <c r="R36" s="280">
        <v>1152</v>
      </c>
      <c r="S36" s="281">
        <v>239505</v>
      </c>
    </row>
    <row r="37" spans="1:19" ht="14.25" customHeight="1">
      <c r="A37" s="295" t="s">
        <v>70</v>
      </c>
      <c r="B37" s="215">
        <v>0</v>
      </c>
      <c r="C37" s="155">
        <v>11000</v>
      </c>
      <c r="D37" s="155">
        <v>0</v>
      </c>
      <c r="E37" s="155">
        <v>0</v>
      </c>
      <c r="F37" s="155">
        <v>0</v>
      </c>
      <c r="G37" s="157">
        <v>11000</v>
      </c>
      <c r="H37" s="278">
        <v>93809</v>
      </c>
      <c r="I37" s="279">
        <v>106796</v>
      </c>
      <c r="J37" s="155">
        <v>11069</v>
      </c>
      <c r="K37" s="155">
        <v>9331</v>
      </c>
      <c r="L37" s="155">
        <v>248</v>
      </c>
      <c r="M37" s="155">
        <v>0</v>
      </c>
      <c r="N37" s="155">
        <v>486628</v>
      </c>
      <c r="O37" s="155">
        <v>0</v>
      </c>
      <c r="P37" s="157">
        <v>614072</v>
      </c>
      <c r="Q37" s="278">
        <v>0</v>
      </c>
      <c r="R37" s="280">
        <v>8058</v>
      </c>
      <c r="S37" s="281">
        <v>633130</v>
      </c>
    </row>
    <row r="38" spans="1:19" ht="14.25" customHeight="1" thickBot="1">
      <c r="A38" s="296" t="s">
        <v>72</v>
      </c>
      <c r="B38" s="283">
        <v>0</v>
      </c>
      <c r="C38" s="165">
        <v>0</v>
      </c>
      <c r="D38" s="165">
        <v>0</v>
      </c>
      <c r="E38" s="165">
        <v>0</v>
      </c>
      <c r="F38" s="165">
        <v>0</v>
      </c>
      <c r="G38" s="284">
        <v>0</v>
      </c>
      <c r="H38" s="285">
        <v>13029</v>
      </c>
      <c r="I38" s="286">
        <v>35503</v>
      </c>
      <c r="J38" s="165">
        <v>1548</v>
      </c>
      <c r="K38" s="165">
        <v>121</v>
      </c>
      <c r="L38" s="165">
        <v>0</v>
      </c>
      <c r="M38" s="165">
        <v>257</v>
      </c>
      <c r="N38" s="165">
        <v>23254</v>
      </c>
      <c r="O38" s="165">
        <v>0</v>
      </c>
      <c r="P38" s="284">
        <v>60683</v>
      </c>
      <c r="Q38" s="285">
        <v>0</v>
      </c>
      <c r="R38" s="287">
        <v>0</v>
      </c>
      <c r="S38" s="288">
        <v>60683</v>
      </c>
    </row>
    <row r="39" spans="1:19" ht="15.75" customHeight="1" thickBot="1">
      <c r="A39" s="301" t="s">
        <v>239</v>
      </c>
      <c r="B39" s="196">
        <v>0</v>
      </c>
      <c r="C39" s="143">
        <v>145021</v>
      </c>
      <c r="D39" s="290">
        <v>13074</v>
      </c>
      <c r="E39" s="143">
        <v>4895</v>
      </c>
      <c r="F39" s="143">
        <v>885407</v>
      </c>
      <c r="G39" s="197">
        <v>1048397</v>
      </c>
      <c r="H39" s="291">
        <v>142710</v>
      </c>
      <c r="I39" s="302">
        <v>743021</v>
      </c>
      <c r="J39" s="181">
        <v>101815</v>
      </c>
      <c r="K39" s="181">
        <v>194310</v>
      </c>
      <c r="L39" s="181">
        <v>10841</v>
      </c>
      <c r="M39" s="181">
        <v>18266</v>
      </c>
      <c r="N39" s="181">
        <v>3360467</v>
      </c>
      <c r="O39" s="181">
        <v>7425</v>
      </c>
      <c r="P39" s="180">
        <v>4436145</v>
      </c>
      <c r="Q39" s="303">
        <v>936173</v>
      </c>
      <c r="R39" s="290">
        <v>9251</v>
      </c>
      <c r="S39" s="304">
        <v>5493793</v>
      </c>
    </row>
    <row r="40" spans="1:19" s="160" customFormat="1" ht="16.5" customHeight="1" thickTop="1" thickBot="1">
      <c r="A40" s="305" t="s">
        <v>240</v>
      </c>
      <c r="B40" s="201">
        <v>102205</v>
      </c>
      <c r="C40" s="306">
        <v>11564555</v>
      </c>
      <c r="D40" s="306">
        <v>714796</v>
      </c>
      <c r="E40" s="306">
        <v>56354</v>
      </c>
      <c r="F40" s="306">
        <v>1039643</v>
      </c>
      <c r="G40" s="307">
        <v>13477553</v>
      </c>
      <c r="H40" s="308">
        <v>725760</v>
      </c>
      <c r="I40" s="204">
        <v>35487901</v>
      </c>
      <c r="J40" s="306">
        <v>3826374</v>
      </c>
      <c r="K40" s="306">
        <v>12968886</v>
      </c>
      <c r="L40" s="306">
        <v>6229641</v>
      </c>
      <c r="M40" s="306">
        <v>1111680</v>
      </c>
      <c r="N40" s="306">
        <v>51522131</v>
      </c>
      <c r="O40" s="306">
        <v>198038</v>
      </c>
      <c r="P40" s="307">
        <v>111344651</v>
      </c>
      <c r="Q40" s="308">
        <v>2934070</v>
      </c>
      <c r="R40" s="309">
        <v>3078640</v>
      </c>
      <c r="S40" s="310">
        <v>127900844</v>
      </c>
    </row>
    <row r="41" spans="1:19" s="160" customFormat="1" ht="26.25" customHeight="1">
      <c r="A41" s="211" t="s">
        <v>241</v>
      </c>
      <c r="B41" s="196">
        <v>0</v>
      </c>
      <c r="C41" s="143">
        <v>44987</v>
      </c>
      <c r="D41" s="290">
        <v>0</v>
      </c>
      <c r="E41" s="143">
        <v>0</v>
      </c>
      <c r="F41" s="143">
        <v>0</v>
      </c>
      <c r="G41" s="151">
        <v>44987</v>
      </c>
      <c r="H41" s="291">
        <v>0</v>
      </c>
      <c r="I41" s="311">
        <v>179267</v>
      </c>
      <c r="J41" s="143">
        <v>0</v>
      </c>
      <c r="K41" s="143">
        <v>166932</v>
      </c>
      <c r="L41" s="143">
        <v>72365</v>
      </c>
      <c r="M41" s="143">
        <v>0</v>
      </c>
      <c r="N41" s="143">
        <v>1407054</v>
      </c>
      <c r="O41" s="143">
        <v>0</v>
      </c>
      <c r="P41" s="151">
        <v>1825618</v>
      </c>
      <c r="Q41" s="291">
        <v>0</v>
      </c>
      <c r="R41" s="280">
        <v>0</v>
      </c>
      <c r="S41" s="275">
        <v>1870605</v>
      </c>
    </row>
    <row r="42" spans="1:19" s="160" customFormat="1" ht="26.25" customHeight="1">
      <c r="A42" s="214" t="s">
        <v>205</v>
      </c>
      <c r="B42" s="215">
        <v>0</v>
      </c>
      <c r="C42" s="155">
        <v>280532</v>
      </c>
      <c r="D42" s="155">
        <v>0</v>
      </c>
      <c r="E42" s="155">
        <v>0</v>
      </c>
      <c r="F42" s="155">
        <v>13699</v>
      </c>
      <c r="G42" s="157">
        <v>294231</v>
      </c>
      <c r="H42" s="278">
        <v>0</v>
      </c>
      <c r="I42" s="279">
        <v>150035</v>
      </c>
      <c r="J42" s="155">
        <v>0</v>
      </c>
      <c r="K42" s="155">
        <v>17719</v>
      </c>
      <c r="L42" s="155">
        <v>0</v>
      </c>
      <c r="M42" s="155">
        <v>0</v>
      </c>
      <c r="N42" s="155">
        <v>1020744</v>
      </c>
      <c r="O42" s="155">
        <v>0</v>
      </c>
      <c r="P42" s="157">
        <v>1188498</v>
      </c>
      <c r="Q42" s="278">
        <v>0</v>
      </c>
      <c r="R42" s="280">
        <v>1174</v>
      </c>
      <c r="S42" s="281">
        <v>1483903</v>
      </c>
    </row>
    <row r="43" spans="1:19" s="160" customFormat="1" ht="26.25" customHeight="1">
      <c r="A43" s="214" t="s">
        <v>114</v>
      </c>
      <c r="B43" s="215">
        <v>0</v>
      </c>
      <c r="C43" s="155">
        <v>0</v>
      </c>
      <c r="D43" s="155">
        <v>0</v>
      </c>
      <c r="E43" s="155">
        <v>0</v>
      </c>
      <c r="F43" s="155">
        <v>0</v>
      </c>
      <c r="G43" s="157">
        <v>0</v>
      </c>
      <c r="H43" s="278">
        <v>0</v>
      </c>
      <c r="I43" s="279">
        <v>0</v>
      </c>
      <c r="J43" s="155">
        <v>0</v>
      </c>
      <c r="K43" s="155">
        <v>0</v>
      </c>
      <c r="L43" s="155">
        <v>0</v>
      </c>
      <c r="M43" s="155">
        <v>0</v>
      </c>
      <c r="N43" s="155">
        <v>0</v>
      </c>
      <c r="O43" s="155">
        <v>0</v>
      </c>
      <c r="P43" s="157">
        <v>0</v>
      </c>
      <c r="Q43" s="278">
        <v>0</v>
      </c>
      <c r="R43" s="280">
        <v>0</v>
      </c>
      <c r="S43" s="281">
        <v>0</v>
      </c>
    </row>
    <row r="44" spans="1:19" s="160" customFormat="1" ht="26.25" customHeight="1">
      <c r="A44" s="216" t="s">
        <v>206</v>
      </c>
      <c r="B44" s="215">
        <v>0</v>
      </c>
      <c r="C44" s="155">
        <v>34155</v>
      </c>
      <c r="D44" s="155">
        <v>0</v>
      </c>
      <c r="E44" s="155">
        <v>0</v>
      </c>
      <c r="F44" s="155">
        <v>0</v>
      </c>
      <c r="G44" s="151">
        <v>34155</v>
      </c>
      <c r="H44" s="278">
        <v>0</v>
      </c>
      <c r="I44" s="279">
        <v>20933</v>
      </c>
      <c r="J44" s="155">
        <v>0</v>
      </c>
      <c r="K44" s="155">
        <v>1020424</v>
      </c>
      <c r="L44" s="155">
        <v>2778</v>
      </c>
      <c r="M44" s="155">
        <v>0</v>
      </c>
      <c r="N44" s="155">
        <v>295865</v>
      </c>
      <c r="O44" s="155">
        <v>0</v>
      </c>
      <c r="P44" s="157">
        <v>1340000</v>
      </c>
      <c r="Q44" s="278">
        <v>0</v>
      </c>
      <c r="R44" s="280">
        <v>0</v>
      </c>
      <c r="S44" s="281">
        <v>1374155</v>
      </c>
    </row>
    <row r="45" spans="1:19" s="160" customFormat="1" ht="26.25" customHeight="1">
      <c r="A45" s="214" t="s">
        <v>125</v>
      </c>
      <c r="B45" s="215">
        <v>0</v>
      </c>
      <c r="C45" s="155">
        <v>48010</v>
      </c>
      <c r="D45" s="155">
        <v>8956</v>
      </c>
      <c r="E45" s="155">
        <v>0</v>
      </c>
      <c r="F45" s="155">
        <v>0</v>
      </c>
      <c r="G45" s="157">
        <v>56966</v>
      </c>
      <c r="H45" s="278">
        <v>0</v>
      </c>
      <c r="I45" s="279">
        <v>45306</v>
      </c>
      <c r="J45" s="155">
        <v>0</v>
      </c>
      <c r="K45" s="155">
        <v>135111</v>
      </c>
      <c r="L45" s="155">
        <v>2732</v>
      </c>
      <c r="M45" s="155">
        <v>0</v>
      </c>
      <c r="N45" s="155">
        <v>125085</v>
      </c>
      <c r="O45" s="155">
        <v>0</v>
      </c>
      <c r="P45" s="157">
        <v>308234</v>
      </c>
      <c r="Q45" s="278">
        <v>0</v>
      </c>
      <c r="R45" s="280">
        <v>17598</v>
      </c>
      <c r="S45" s="281">
        <v>382798</v>
      </c>
    </row>
    <row r="46" spans="1:19" s="160" customFormat="1" ht="26.25" customHeight="1">
      <c r="A46" s="214" t="s">
        <v>131</v>
      </c>
      <c r="B46" s="215">
        <v>0</v>
      </c>
      <c r="C46" s="155">
        <v>47757</v>
      </c>
      <c r="D46" s="155">
        <v>0</v>
      </c>
      <c r="E46" s="155">
        <v>0</v>
      </c>
      <c r="F46" s="155">
        <v>0</v>
      </c>
      <c r="G46" s="157">
        <v>47757</v>
      </c>
      <c r="H46" s="278">
        <v>0</v>
      </c>
      <c r="I46" s="279">
        <v>3340</v>
      </c>
      <c r="J46" s="155">
        <v>0</v>
      </c>
      <c r="K46" s="155">
        <v>51552</v>
      </c>
      <c r="L46" s="155">
        <v>0</v>
      </c>
      <c r="M46" s="155">
        <v>0</v>
      </c>
      <c r="N46" s="155">
        <v>160551</v>
      </c>
      <c r="O46" s="155">
        <v>0</v>
      </c>
      <c r="P46" s="157">
        <v>215443</v>
      </c>
      <c r="Q46" s="278">
        <v>0</v>
      </c>
      <c r="R46" s="280">
        <v>85984</v>
      </c>
      <c r="S46" s="281">
        <v>349184</v>
      </c>
    </row>
    <row r="47" spans="1:19" s="160" customFormat="1" ht="26.25" customHeight="1" thickBot="1">
      <c r="A47" s="216" t="s">
        <v>207</v>
      </c>
      <c r="B47" s="283">
        <v>0</v>
      </c>
      <c r="C47" s="165">
        <v>13530542</v>
      </c>
      <c r="D47" s="165">
        <v>0</v>
      </c>
      <c r="E47" s="165">
        <v>0</v>
      </c>
      <c r="F47" s="165">
        <v>4500</v>
      </c>
      <c r="G47" s="284">
        <v>13535042</v>
      </c>
      <c r="H47" s="285">
        <v>0</v>
      </c>
      <c r="I47" s="286">
        <v>117487</v>
      </c>
      <c r="J47" s="165">
        <v>0</v>
      </c>
      <c r="K47" s="165">
        <v>0</v>
      </c>
      <c r="L47" s="165">
        <v>0</v>
      </c>
      <c r="M47" s="165">
        <v>0</v>
      </c>
      <c r="N47" s="165">
        <v>0</v>
      </c>
      <c r="O47" s="165">
        <v>0</v>
      </c>
      <c r="P47" s="284">
        <v>117487</v>
      </c>
      <c r="Q47" s="285">
        <v>0</v>
      </c>
      <c r="R47" s="312">
        <v>600241</v>
      </c>
      <c r="S47" s="288">
        <v>14252770</v>
      </c>
    </row>
    <row r="48" spans="1:19" s="160" customFormat="1" ht="15.75" customHeight="1" thickBot="1">
      <c r="A48" s="313" t="s">
        <v>242</v>
      </c>
      <c r="B48" s="196">
        <v>0</v>
      </c>
      <c r="C48" s="143">
        <v>13985983</v>
      </c>
      <c r="D48" s="143">
        <v>8956</v>
      </c>
      <c r="E48" s="143">
        <v>0</v>
      </c>
      <c r="F48" s="143">
        <v>18199</v>
      </c>
      <c r="G48" s="284">
        <v>14013138</v>
      </c>
      <c r="H48" s="291">
        <v>0</v>
      </c>
      <c r="I48" s="314">
        <v>516368</v>
      </c>
      <c r="J48" s="315">
        <v>0</v>
      </c>
      <c r="K48" s="315">
        <v>1391738</v>
      </c>
      <c r="L48" s="315">
        <v>77875</v>
      </c>
      <c r="M48" s="315">
        <v>0</v>
      </c>
      <c r="N48" s="315">
        <v>3009299</v>
      </c>
      <c r="O48" s="315">
        <v>0</v>
      </c>
      <c r="P48" s="284">
        <v>4995280</v>
      </c>
      <c r="Q48" s="316">
        <v>0</v>
      </c>
      <c r="R48" s="300">
        <v>704997</v>
      </c>
      <c r="S48" s="288">
        <v>19713415</v>
      </c>
    </row>
    <row r="49" spans="1:19" s="160" customFormat="1" ht="14.25" customHeight="1" thickBot="1">
      <c r="A49" s="317" t="s">
        <v>243</v>
      </c>
      <c r="B49" s="190">
        <v>102205</v>
      </c>
      <c r="C49" s="218">
        <v>25550538</v>
      </c>
      <c r="D49" s="218">
        <v>723752</v>
      </c>
      <c r="E49" s="218">
        <v>56354</v>
      </c>
      <c r="F49" s="218">
        <v>1057842</v>
      </c>
      <c r="G49" s="284">
        <v>27490691</v>
      </c>
      <c r="H49" s="318">
        <v>725760</v>
      </c>
      <c r="I49" s="314">
        <v>36004269</v>
      </c>
      <c r="J49" s="315">
        <v>3826374</v>
      </c>
      <c r="K49" s="315">
        <v>14360624</v>
      </c>
      <c r="L49" s="315">
        <v>6307516</v>
      </c>
      <c r="M49" s="315">
        <v>1111680</v>
      </c>
      <c r="N49" s="315">
        <v>54531430</v>
      </c>
      <c r="O49" s="315">
        <v>198038</v>
      </c>
      <c r="P49" s="284">
        <v>116339931</v>
      </c>
      <c r="Q49" s="316">
        <v>2934070</v>
      </c>
      <c r="R49" s="300">
        <v>3783637</v>
      </c>
      <c r="S49" s="319">
        <v>147614259</v>
      </c>
    </row>
    <row r="50" spans="1:19" s="160" customFormat="1" ht="14.45" customHeight="1">
      <c r="G50" s="159"/>
      <c r="P50" s="159"/>
    </row>
    <row r="51" spans="1:19" s="160" customFormat="1" ht="16.5" customHeight="1">
      <c r="A51" s="320"/>
    </row>
    <row r="64" spans="1:19" ht="16.5" customHeight="1">
      <c r="A64" s="321"/>
    </row>
  </sheetData>
  <mergeCells count="15">
    <mergeCell ref="A2:A4"/>
    <mergeCell ref="B2:H2"/>
    <mergeCell ref="I2:Q2"/>
    <mergeCell ref="R2:R4"/>
    <mergeCell ref="S2:S4"/>
    <mergeCell ref="B3:E3"/>
    <mergeCell ref="F3:F4"/>
    <mergeCell ref="G3:G4"/>
    <mergeCell ref="H3:H4"/>
    <mergeCell ref="I3:I4"/>
    <mergeCell ref="J3:L3"/>
    <mergeCell ref="N3:N4"/>
    <mergeCell ref="O3:O4"/>
    <mergeCell ref="P3:P4"/>
    <mergeCell ref="Q3:Q4"/>
  </mergeCells>
  <phoneticPr fontId="5"/>
  <conditionalFormatting sqref="B5:S49">
    <cfRule type="cellIs" dxfId="3" priority="1" stopIfTrue="1" operator="equal">
      <formula>0</formula>
    </cfRule>
  </conditionalFormatting>
  <pageMargins left="0.59055118110236227" right="0.59055118110236227" top="0.74803149606299213" bottom="0.47244094488188981" header="0.51181102362204722" footer="0.27559055118110237"/>
  <pageSetup paperSize="9" scale="98" fitToWidth="2" orientation="portrait" r:id="rId1"/>
  <headerFooter alignWithMargins="0"/>
  <colBreaks count="1" manualBreakCount="1">
    <brk id="9" max="48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S64"/>
  <sheetViews>
    <sheetView zoomScaleNormal="100" zoomScaleSheetLayoutView="84" workbookViewId="0">
      <pane xSplit="1" ySplit="4" topLeftCell="B15" activePane="bottomRight" state="frozen"/>
      <selection activeCell="B30" sqref="B30:C30"/>
      <selection pane="topRight" activeCell="B30" sqref="B30:C30"/>
      <selection pane="bottomLeft" activeCell="B30" sqref="B30:C30"/>
      <selection pane="bottomRight" activeCell="G33" sqref="G33"/>
    </sheetView>
  </sheetViews>
  <sheetFormatPr defaultColWidth="9" defaultRowHeight="16.5" customHeight="1"/>
  <cols>
    <col min="1" max="1" width="14.625" style="322" customWidth="1"/>
    <col min="2" max="3" width="11" style="276" bestFit="1" customWidth="1"/>
    <col min="4" max="6" width="8.125" style="276" customWidth="1"/>
    <col min="7" max="7" width="9.75" style="276" customWidth="1"/>
    <col min="8" max="8" width="8.125" style="276" customWidth="1"/>
    <col min="9" max="15" width="8.75" style="276" customWidth="1"/>
    <col min="16" max="16" width="9.75" style="276" customWidth="1"/>
    <col min="17" max="18" width="8.75" style="276" customWidth="1"/>
    <col min="19" max="19" width="10" style="276" customWidth="1"/>
    <col min="20" max="16384" width="9" style="276"/>
  </cols>
  <sheetData>
    <row r="1" spans="1:19" s="260" customFormat="1" ht="16.5" customHeight="1" thickBot="1">
      <c r="A1" s="120" t="s">
        <v>244</v>
      </c>
      <c r="B1" s="259"/>
      <c r="P1" s="261"/>
      <c r="R1" s="261"/>
      <c r="S1" s="262" t="s">
        <v>245</v>
      </c>
    </row>
    <row r="2" spans="1:19" s="263" customFormat="1" ht="14.1" customHeight="1" thickBot="1">
      <c r="A2" s="538" t="s">
        <v>214</v>
      </c>
      <c r="B2" s="541" t="s">
        <v>215</v>
      </c>
      <c r="C2" s="542"/>
      <c r="D2" s="542"/>
      <c r="E2" s="542"/>
      <c r="F2" s="542"/>
      <c r="G2" s="542"/>
      <c r="H2" s="543"/>
      <c r="I2" s="541" t="s">
        <v>216</v>
      </c>
      <c r="J2" s="542"/>
      <c r="K2" s="542"/>
      <c r="L2" s="542"/>
      <c r="M2" s="542"/>
      <c r="N2" s="542"/>
      <c r="O2" s="542"/>
      <c r="P2" s="542"/>
      <c r="Q2" s="543"/>
      <c r="R2" s="544" t="s">
        <v>217</v>
      </c>
      <c r="S2" s="522" t="s">
        <v>218</v>
      </c>
    </row>
    <row r="3" spans="1:19" s="263" customFormat="1" ht="14.1" customHeight="1">
      <c r="A3" s="539"/>
      <c r="B3" s="549" t="s">
        <v>219</v>
      </c>
      <c r="C3" s="550"/>
      <c r="D3" s="550"/>
      <c r="E3" s="551"/>
      <c r="F3" s="552" t="s">
        <v>220</v>
      </c>
      <c r="G3" s="561" t="s">
        <v>221</v>
      </c>
      <c r="H3" s="556" t="s">
        <v>222</v>
      </c>
      <c r="I3" s="569" t="s">
        <v>223</v>
      </c>
      <c r="J3" s="560" t="s">
        <v>224</v>
      </c>
      <c r="K3" s="550"/>
      <c r="L3" s="551"/>
      <c r="M3" s="264" t="s">
        <v>225</v>
      </c>
      <c r="N3" s="552" t="s">
        <v>226</v>
      </c>
      <c r="O3" s="552" t="s">
        <v>227</v>
      </c>
      <c r="P3" s="571" t="s">
        <v>246</v>
      </c>
      <c r="Q3" s="562" t="s">
        <v>222</v>
      </c>
      <c r="R3" s="564"/>
      <c r="S3" s="566"/>
    </row>
    <row r="4" spans="1:19" s="263" customFormat="1" ht="14.1" customHeight="1" thickBot="1">
      <c r="A4" s="540"/>
      <c r="B4" s="133" t="s">
        <v>230</v>
      </c>
      <c r="C4" s="265" t="s">
        <v>231</v>
      </c>
      <c r="D4" s="266" t="s">
        <v>232</v>
      </c>
      <c r="E4" s="265" t="s">
        <v>233</v>
      </c>
      <c r="F4" s="553"/>
      <c r="G4" s="555"/>
      <c r="H4" s="568"/>
      <c r="I4" s="570"/>
      <c r="J4" s="323" t="s">
        <v>234</v>
      </c>
      <c r="K4" s="324" t="s">
        <v>235</v>
      </c>
      <c r="L4" s="325" t="s">
        <v>236</v>
      </c>
      <c r="M4" s="264" t="s">
        <v>237</v>
      </c>
      <c r="N4" s="553"/>
      <c r="O4" s="553"/>
      <c r="P4" s="572"/>
      <c r="Q4" s="573"/>
      <c r="R4" s="565"/>
      <c r="S4" s="567"/>
    </row>
    <row r="5" spans="1:19" ht="14.25" customHeight="1">
      <c r="A5" s="289" t="s">
        <v>7</v>
      </c>
      <c r="B5" s="326">
        <v>0</v>
      </c>
      <c r="C5" s="145">
        <v>0</v>
      </c>
      <c r="D5" s="145">
        <v>0</v>
      </c>
      <c r="E5" s="145">
        <v>0</v>
      </c>
      <c r="F5" s="145">
        <v>0</v>
      </c>
      <c r="G5" s="140">
        <v>0</v>
      </c>
      <c r="H5" s="293">
        <v>0</v>
      </c>
      <c r="I5" s="326">
        <v>491705</v>
      </c>
      <c r="J5" s="145">
        <v>189553</v>
      </c>
      <c r="K5" s="145">
        <v>11066</v>
      </c>
      <c r="L5" s="145">
        <v>71028</v>
      </c>
      <c r="M5" s="145">
        <v>0</v>
      </c>
      <c r="N5" s="145">
        <v>104314</v>
      </c>
      <c r="O5" s="145">
        <v>0</v>
      </c>
      <c r="P5" s="140">
        <v>867666</v>
      </c>
      <c r="Q5" s="293">
        <v>0</v>
      </c>
      <c r="R5" s="327">
        <v>29238</v>
      </c>
      <c r="S5" s="327">
        <v>896904</v>
      </c>
    </row>
    <row r="6" spans="1:19" ht="14.25" customHeight="1">
      <c r="A6" s="295" t="s">
        <v>11</v>
      </c>
      <c r="B6" s="215">
        <v>0</v>
      </c>
      <c r="C6" s="155">
        <v>8840</v>
      </c>
      <c r="D6" s="155">
        <v>0</v>
      </c>
      <c r="E6" s="155">
        <v>0</v>
      </c>
      <c r="F6" s="155">
        <v>0</v>
      </c>
      <c r="G6" s="157">
        <v>8840</v>
      </c>
      <c r="H6" s="278">
        <v>0</v>
      </c>
      <c r="I6" s="215">
        <v>693541</v>
      </c>
      <c r="J6" s="155">
        <v>4192</v>
      </c>
      <c r="K6" s="155">
        <v>30365</v>
      </c>
      <c r="L6" s="155">
        <v>0</v>
      </c>
      <c r="M6" s="155">
        <v>142962</v>
      </c>
      <c r="N6" s="155">
        <v>18070</v>
      </c>
      <c r="O6" s="155">
        <v>0</v>
      </c>
      <c r="P6" s="157">
        <v>889130</v>
      </c>
      <c r="Q6" s="278">
        <v>0</v>
      </c>
      <c r="R6" s="281">
        <v>86685</v>
      </c>
      <c r="S6" s="281">
        <v>984655</v>
      </c>
    </row>
    <row r="7" spans="1:19" ht="14.25" customHeight="1">
      <c r="A7" s="295" t="s">
        <v>13</v>
      </c>
      <c r="B7" s="215">
        <v>0</v>
      </c>
      <c r="C7" s="155">
        <v>68000</v>
      </c>
      <c r="D7" s="155">
        <v>0</v>
      </c>
      <c r="E7" s="155">
        <v>0</v>
      </c>
      <c r="F7" s="155">
        <v>0</v>
      </c>
      <c r="G7" s="157">
        <v>68000</v>
      </c>
      <c r="H7" s="278">
        <v>0</v>
      </c>
      <c r="I7" s="215">
        <v>275563</v>
      </c>
      <c r="J7" s="155">
        <v>14881</v>
      </c>
      <c r="K7" s="155">
        <v>56174</v>
      </c>
      <c r="L7" s="155">
        <v>0</v>
      </c>
      <c r="M7" s="155">
        <v>22830</v>
      </c>
      <c r="N7" s="155">
        <v>117611</v>
      </c>
      <c r="O7" s="155">
        <v>0</v>
      </c>
      <c r="P7" s="157">
        <v>487059</v>
      </c>
      <c r="Q7" s="278">
        <v>0</v>
      </c>
      <c r="R7" s="281">
        <v>80725</v>
      </c>
      <c r="S7" s="281">
        <v>635784</v>
      </c>
    </row>
    <row r="8" spans="1:19" ht="14.25" customHeight="1">
      <c r="A8" s="295" t="s">
        <v>15</v>
      </c>
      <c r="B8" s="215">
        <v>0</v>
      </c>
      <c r="C8" s="155">
        <v>0</v>
      </c>
      <c r="D8" s="155">
        <v>0</v>
      </c>
      <c r="E8" s="155">
        <v>0</v>
      </c>
      <c r="F8" s="155">
        <v>0</v>
      </c>
      <c r="G8" s="157">
        <v>0</v>
      </c>
      <c r="H8" s="278">
        <v>0</v>
      </c>
      <c r="I8" s="215">
        <v>39879</v>
      </c>
      <c r="J8" s="155">
        <v>68</v>
      </c>
      <c r="K8" s="155">
        <v>25735</v>
      </c>
      <c r="L8" s="155">
        <v>0</v>
      </c>
      <c r="M8" s="155">
        <v>0</v>
      </c>
      <c r="N8" s="155">
        <v>305636</v>
      </c>
      <c r="O8" s="155">
        <v>0</v>
      </c>
      <c r="P8" s="157">
        <v>371318</v>
      </c>
      <c r="Q8" s="278">
        <v>0</v>
      </c>
      <c r="R8" s="281">
        <v>33354</v>
      </c>
      <c r="S8" s="281">
        <v>404672</v>
      </c>
    </row>
    <row r="9" spans="1:19" ht="14.25" customHeight="1" thickBot="1">
      <c r="A9" s="296" t="s">
        <v>17</v>
      </c>
      <c r="B9" s="283">
        <v>0</v>
      </c>
      <c r="C9" s="165">
        <v>0</v>
      </c>
      <c r="D9" s="165">
        <v>0</v>
      </c>
      <c r="E9" s="165">
        <v>0</v>
      </c>
      <c r="F9" s="165">
        <v>0</v>
      </c>
      <c r="G9" s="284">
        <v>0</v>
      </c>
      <c r="H9" s="285">
        <v>0</v>
      </c>
      <c r="I9" s="283">
        <v>0</v>
      </c>
      <c r="J9" s="165">
        <v>60661</v>
      </c>
      <c r="K9" s="165">
        <v>50883</v>
      </c>
      <c r="L9" s="165">
        <v>0</v>
      </c>
      <c r="M9" s="165">
        <v>0</v>
      </c>
      <c r="N9" s="165">
        <v>0</v>
      </c>
      <c r="O9" s="165">
        <v>0</v>
      </c>
      <c r="P9" s="284">
        <v>111544</v>
      </c>
      <c r="Q9" s="285">
        <v>0</v>
      </c>
      <c r="R9" s="288">
        <v>2686</v>
      </c>
      <c r="S9" s="288">
        <v>114230</v>
      </c>
    </row>
    <row r="10" spans="1:19" ht="14.25" customHeight="1">
      <c r="A10" s="289" t="s">
        <v>19</v>
      </c>
      <c r="B10" s="326">
        <v>0</v>
      </c>
      <c r="C10" s="145">
        <v>0</v>
      </c>
      <c r="D10" s="145">
        <v>0</v>
      </c>
      <c r="E10" s="145">
        <v>0</v>
      </c>
      <c r="F10" s="145">
        <v>0</v>
      </c>
      <c r="G10" s="151">
        <v>0</v>
      </c>
      <c r="H10" s="293">
        <v>0</v>
      </c>
      <c r="I10" s="326">
        <v>40459</v>
      </c>
      <c r="J10" s="145">
        <v>133</v>
      </c>
      <c r="K10" s="145">
        <v>44642</v>
      </c>
      <c r="L10" s="145">
        <v>0</v>
      </c>
      <c r="M10" s="145">
        <v>0</v>
      </c>
      <c r="N10" s="145">
        <v>19408</v>
      </c>
      <c r="O10" s="145">
        <v>0</v>
      </c>
      <c r="P10" s="151">
        <v>104642</v>
      </c>
      <c r="Q10" s="293">
        <v>0</v>
      </c>
      <c r="R10" s="327">
        <v>0</v>
      </c>
      <c r="S10" s="275">
        <v>104642</v>
      </c>
    </row>
    <row r="11" spans="1:19" ht="14.25" customHeight="1">
      <c r="A11" s="295" t="s">
        <v>21</v>
      </c>
      <c r="B11" s="215">
        <v>0</v>
      </c>
      <c r="C11" s="155">
        <v>44523</v>
      </c>
      <c r="D11" s="155">
        <v>0</v>
      </c>
      <c r="E11" s="155">
        <v>0</v>
      </c>
      <c r="F11" s="155">
        <v>4006</v>
      </c>
      <c r="G11" s="157">
        <v>48529</v>
      </c>
      <c r="H11" s="278">
        <v>0</v>
      </c>
      <c r="I11" s="215">
        <v>73357</v>
      </c>
      <c r="J11" s="155">
        <v>0</v>
      </c>
      <c r="K11" s="155">
        <v>45453</v>
      </c>
      <c r="L11" s="155">
        <v>0</v>
      </c>
      <c r="M11" s="155">
        <v>0</v>
      </c>
      <c r="N11" s="155">
        <v>17676</v>
      </c>
      <c r="O11" s="155">
        <v>0</v>
      </c>
      <c r="P11" s="157">
        <v>136486</v>
      </c>
      <c r="Q11" s="278">
        <v>0</v>
      </c>
      <c r="R11" s="281">
        <v>0</v>
      </c>
      <c r="S11" s="281">
        <v>185015</v>
      </c>
    </row>
    <row r="12" spans="1:19" ht="14.25" customHeight="1">
      <c r="A12" s="295" t="s">
        <v>23</v>
      </c>
      <c r="B12" s="215">
        <v>0</v>
      </c>
      <c r="C12" s="155">
        <v>0</v>
      </c>
      <c r="D12" s="155">
        <v>0</v>
      </c>
      <c r="E12" s="155">
        <v>0</v>
      </c>
      <c r="F12" s="155">
        <v>0</v>
      </c>
      <c r="G12" s="157">
        <v>0</v>
      </c>
      <c r="H12" s="278">
        <v>0</v>
      </c>
      <c r="I12" s="215">
        <v>138861</v>
      </c>
      <c r="J12" s="155">
        <v>0</v>
      </c>
      <c r="K12" s="155">
        <v>0</v>
      </c>
      <c r="L12" s="155">
        <v>0</v>
      </c>
      <c r="M12" s="155">
        <v>0</v>
      </c>
      <c r="N12" s="155">
        <v>306169</v>
      </c>
      <c r="O12" s="155">
        <v>0</v>
      </c>
      <c r="P12" s="157">
        <v>445030</v>
      </c>
      <c r="Q12" s="278">
        <v>0</v>
      </c>
      <c r="R12" s="281">
        <v>0</v>
      </c>
      <c r="S12" s="281">
        <v>445030</v>
      </c>
    </row>
    <row r="13" spans="1:19" ht="14.25" customHeight="1">
      <c r="A13" s="295" t="s">
        <v>25</v>
      </c>
      <c r="B13" s="215">
        <v>0</v>
      </c>
      <c r="C13" s="155">
        <v>0</v>
      </c>
      <c r="D13" s="155">
        <v>0</v>
      </c>
      <c r="E13" s="155">
        <v>0</v>
      </c>
      <c r="F13" s="155">
        <v>0</v>
      </c>
      <c r="G13" s="157">
        <v>0</v>
      </c>
      <c r="H13" s="278">
        <v>0</v>
      </c>
      <c r="I13" s="215">
        <v>7758</v>
      </c>
      <c r="J13" s="155">
        <v>0</v>
      </c>
      <c r="K13" s="155">
        <v>0</v>
      </c>
      <c r="L13" s="155">
        <v>0</v>
      </c>
      <c r="M13" s="155">
        <v>0</v>
      </c>
      <c r="N13" s="155">
        <v>260737</v>
      </c>
      <c r="O13" s="155">
        <v>0</v>
      </c>
      <c r="P13" s="157">
        <v>268495</v>
      </c>
      <c r="Q13" s="278">
        <v>0</v>
      </c>
      <c r="R13" s="281">
        <v>0</v>
      </c>
      <c r="S13" s="281">
        <v>268495</v>
      </c>
    </row>
    <row r="14" spans="1:19" ht="14.25" customHeight="1" thickBot="1">
      <c r="A14" s="296" t="s">
        <v>27</v>
      </c>
      <c r="B14" s="283">
        <v>0</v>
      </c>
      <c r="C14" s="165">
        <v>0</v>
      </c>
      <c r="D14" s="165">
        <v>0</v>
      </c>
      <c r="E14" s="165">
        <v>0</v>
      </c>
      <c r="F14" s="165">
        <v>0</v>
      </c>
      <c r="G14" s="284">
        <v>0</v>
      </c>
      <c r="H14" s="285">
        <v>0</v>
      </c>
      <c r="I14" s="283">
        <v>0</v>
      </c>
      <c r="J14" s="165">
        <v>0</v>
      </c>
      <c r="K14" s="165">
        <v>0</v>
      </c>
      <c r="L14" s="165">
        <v>0</v>
      </c>
      <c r="M14" s="165">
        <v>0</v>
      </c>
      <c r="N14" s="165">
        <v>1612</v>
      </c>
      <c r="O14" s="165">
        <v>0</v>
      </c>
      <c r="P14" s="284">
        <v>1612</v>
      </c>
      <c r="Q14" s="285">
        <v>0</v>
      </c>
      <c r="R14" s="288">
        <v>0</v>
      </c>
      <c r="S14" s="288">
        <v>1612</v>
      </c>
    </row>
    <row r="15" spans="1:19" ht="14.25" customHeight="1">
      <c r="A15" s="289" t="s">
        <v>28</v>
      </c>
      <c r="B15" s="326">
        <v>0</v>
      </c>
      <c r="C15" s="145">
        <v>0</v>
      </c>
      <c r="D15" s="145">
        <v>0</v>
      </c>
      <c r="E15" s="145">
        <v>0</v>
      </c>
      <c r="F15" s="145">
        <v>0</v>
      </c>
      <c r="G15" s="151">
        <v>0</v>
      </c>
      <c r="H15" s="293">
        <v>0</v>
      </c>
      <c r="I15" s="326">
        <v>58711</v>
      </c>
      <c r="J15" s="145">
        <v>58</v>
      </c>
      <c r="K15" s="145">
        <v>104</v>
      </c>
      <c r="L15" s="145">
        <v>0</v>
      </c>
      <c r="M15" s="145">
        <v>0</v>
      </c>
      <c r="N15" s="145">
        <v>358948</v>
      </c>
      <c r="O15" s="145">
        <v>2971</v>
      </c>
      <c r="P15" s="151">
        <v>420792</v>
      </c>
      <c r="Q15" s="293">
        <v>0</v>
      </c>
      <c r="R15" s="327">
        <v>0</v>
      </c>
      <c r="S15" s="275">
        <v>420792</v>
      </c>
    </row>
    <row r="16" spans="1:19" ht="14.25" customHeight="1">
      <c r="A16" s="295" t="s">
        <v>30</v>
      </c>
      <c r="B16" s="215">
        <v>0</v>
      </c>
      <c r="C16" s="155">
        <v>0</v>
      </c>
      <c r="D16" s="155">
        <v>0</v>
      </c>
      <c r="E16" s="155">
        <v>0</v>
      </c>
      <c r="F16" s="155">
        <v>0</v>
      </c>
      <c r="G16" s="157">
        <v>0</v>
      </c>
      <c r="H16" s="278">
        <v>0</v>
      </c>
      <c r="I16" s="215">
        <v>6738</v>
      </c>
      <c r="J16" s="155">
        <v>0</v>
      </c>
      <c r="K16" s="155">
        <v>0</v>
      </c>
      <c r="L16" s="155">
        <v>0</v>
      </c>
      <c r="M16" s="155">
        <v>0</v>
      </c>
      <c r="N16" s="155">
        <v>19334</v>
      </c>
      <c r="O16" s="155">
        <v>0</v>
      </c>
      <c r="P16" s="157">
        <v>26072</v>
      </c>
      <c r="Q16" s="278">
        <v>0</v>
      </c>
      <c r="R16" s="281">
        <v>730</v>
      </c>
      <c r="S16" s="281">
        <v>26802</v>
      </c>
    </row>
    <row r="17" spans="1:19" ht="14.25" customHeight="1">
      <c r="A17" s="295" t="s">
        <v>32</v>
      </c>
      <c r="B17" s="215">
        <v>0</v>
      </c>
      <c r="C17" s="155">
        <v>0</v>
      </c>
      <c r="D17" s="155">
        <v>0</v>
      </c>
      <c r="E17" s="155">
        <v>0</v>
      </c>
      <c r="F17" s="155">
        <v>0</v>
      </c>
      <c r="G17" s="157">
        <v>0</v>
      </c>
      <c r="H17" s="278">
        <v>0</v>
      </c>
      <c r="I17" s="215">
        <v>5000</v>
      </c>
      <c r="J17" s="155">
        <v>0</v>
      </c>
      <c r="K17" s="155">
        <v>44938</v>
      </c>
      <c r="L17" s="155">
        <v>0</v>
      </c>
      <c r="M17" s="155">
        <v>0</v>
      </c>
      <c r="N17" s="155">
        <v>134380</v>
      </c>
      <c r="O17" s="155">
        <v>0</v>
      </c>
      <c r="P17" s="157">
        <v>184318</v>
      </c>
      <c r="Q17" s="278">
        <v>0</v>
      </c>
      <c r="R17" s="281">
        <v>0</v>
      </c>
      <c r="S17" s="281">
        <v>184318</v>
      </c>
    </row>
    <row r="18" spans="1:19" ht="14.25" customHeight="1">
      <c r="A18" s="295" t="s">
        <v>34</v>
      </c>
      <c r="B18" s="215">
        <v>0</v>
      </c>
      <c r="C18" s="155">
        <v>0</v>
      </c>
      <c r="D18" s="155">
        <v>0</v>
      </c>
      <c r="E18" s="155">
        <v>0</v>
      </c>
      <c r="F18" s="155">
        <v>0</v>
      </c>
      <c r="G18" s="157">
        <v>0</v>
      </c>
      <c r="H18" s="278">
        <v>0</v>
      </c>
      <c r="I18" s="215">
        <v>7948</v>
      </c>
      <c r="J18" s="155">
        <v>0</v>
      </c>
      <c r="K18" s="155">
        <v>0</v>
      </c>
      <c r="L18" s="155">
        <v>0</v>
      </c>
      <c r="M18" s="155">
        <v>0</v>
      </c>
      <c r="N18" s="155">
        <v>41686</v>
      </c>
      <c r="O18" s="155">
        <v>0</v>
      </c>
      <c r="P18" s="157">
        <v>49634</v>
      </c>
      <c r="Q18" s="278">
        <v>0</v>
      </c>
      <c r="R18" s="281">
        <v>16314</v>
      </c>
      <c r="S18" s="281">
        <v>65948</v>
      </c>
    </row>
    <row r="19" spans="1:19" ht="14.25" customHeight="1" thickBot="1">
      <c r="A19" s="296" t="s">
        <v>36</v>
      </c>
      <c r="B19" s="283">
        <v>0</v>
      </c>
      <c r="C19" s="165">
        <v>0</v>
      </c>
      <c r="D19" s="165">
        <v>0</v>
      </c>
      <c r="E19" s="165">
        <v>0</v>
      </c>
      <c r="F19" s="165">
        <v>0</v>
      </c>
      <c r="G19" s="284">
        <v>0</v>
      </c>
      <c r="H19" s="285">
        <v>0</v>
      </c>
      <c r="I19" s="283">
        <v>24977</v>
      </c>
      <c r="J19" s="165">
        <v>0</v>
      </c>
      <c r="K19" s="165">
        <v>41193</v>
      </c>
      <c r="L19" s="165">
        <v>0</v>
      </c>
      <c r="M19" s="165">
        <v>0</v>
      </c>
      <c r="N19" s="165">
        <v>59789</v>
      </c>
      <c r="O19" s="165">
        <v>0</v>
      </c>
      <c r="P19" s="284">
        <v>125959</v>
      </c>
      <c r="Q19" s="285">
        <v>0</v>
      </c>
      <c r="R19" s="288">
        <v>1250</v>
      </c>
      <c r="S19" s="288">
        <v>127209</v>
      </c>
    </row>
    <row r="20" spans="1:19" ht="14.25" customHeight="1">
      <c r="A20" s="289" t="s">
        <v>38</v>
      </c>
      <c r="B20" s="326">
        <v>0</v>
      </c>
      <c r="C20" s="145">
        <v>0</v>
      </c>
      <c r="D20" s="145">
        <v>0</v>
      </c>
      <c r="E20" s="145">
        <v>0</v>
      </c>
      <c r="F20" s="145">
        <v>0</v>
      </c>
      <c r="G20" s="151">
        <v>0</v>
      </c>
      <c r="H20" s="293">
        <v>0</v>
      </c>
      <c r="I20" s="326">
        <v>30573</v>
      </c>
      <c r="J20" s="145">
        <v>2192</v>
      </c>
      <c r="K20" s="145">
        <v>1072</v>
      </c>
      <c r="L20" s="145">
        <v>0</v>
      </c>
      <c r="M20" s="145">
        <v>0</v>
      </c>
      <c r="N20" s="145">
        <v>0</v>
      </c>
      <c r="O20" s="145">
        <v>0</v>
      </c>
      <c r="P20" s="151">
        <v>33837</v>
      </c>
      <c r="Q20" s="293">
        <v>40731</v>
      </c>
      <c r="R20" s="327">
        <v>0</v>
      </c>
      <c r="S20" s="275">
        <v>33837</v>
      </c>
    </row>
    <row r="21" spans="1:19" ht="14.25" customHeight="1">
      <c r="A21" s="295" t="s">
        <v>40</v>
      </c>
      <c r="B21" s="215">
        <v>0</v>
      </c>
      <c r="C21" s="155">
        <v>0</v>
      </c>
      <c r="D21" s="155">
        <v>0</v>
      </c>
      <c r="E21" s="155">
        <v>0</v>
      </c>
      <c r="F21" s="155">
        <v>0</v>
      </c>
      <c r="G21" s="157">
        <v>0</v>
      </c>
      <c r="H21" s="278">
        <v>0</v>
      </c>
      <c r="I21" s="215">
        <v>33506</v>
      </c>
      <c r="J21" s="155">
        <v>4826</v>
      </c>
      <c r="K21" s="155">
        <v>0</v>
      </c>
      <c r="L21" s="155">
        <v>0</v>
      </c>
      <c r="M21" s="155">
        <v>0</v>
      </c>
      <c r="N21" s="155">
        <v>0</v>
      </c>
      <c r="O21" s="155">
        <v>0</v>
      </c>
      <c r="P21" s="157">
        <v>38332</v>
      </c>
      <c r="Q21" s="278">
        <v>42630</v>
      </c>
      <c r="R21" s="281">
        <v>300</v>
      </c>
      <c r="S21" s="281">
        <v>38632</v>
      </c>
    </row>
    <row r="22" spans="1:19" ht="14.25" customHeight="1">
      <c r="A22" s="295" t="s">
        <v>41</v>
      </c>
      <c r="B22" s="215">
        <v>0</v>
      </c>
      <c r="C22" s="155">
        <v>0</v>
      </c>
      <c r="D22" s="155">
        <v>0</v>
      </c>
      <c r="E22" s="155">
        <v>0</v>
      </c>
      <c r="F22" s="155">
        <v>0</v>
      </c>
      <c r="G22" s="157">
        <v>0</v>
      </c>
      <c r="H22" s="278">
        <v>0</v>
      </c>
      <c r="I22" s="215">
        <v>4416</v>
      </c>
      <c r="J22" s="155">
        <v>0</v>
      </c>
      <c r="K22" s="155">
        <v>0</v>
      </c>
      <c r="L22" s="155">
        <v>0</v>
      </c>
      <c r="M22" s="155">
        <v>0</v>
      </c>
      <c r="N22" s="155">
        <v>19855</v>
      </c>
      <c r="O22" s="155">
        <v>0</v>
      </c>
      <c r="P22" s="157">
        <v>24271</v>
      </c>
      <c r="Q22" s="278">
        <v>38733</v>
      </c>
      <c r="R22" s="281">
        <v>0</v>
      </c>
      <c r="S22" s="281">
        <v>24271</v>
      </c>
    </row>
    <row r="23" spans="1:19" ht="14.25" customHeight="1" thickBot="1">
      <c r="A23" s="297" t="s">
        <v>43</v>
      </c>
      <c r="B23" s="328">
        <v>0</v>
      </c>
      <c r="C23" s="181">
        <v>0</v>
      </c>
      <c r="D23" s="181">
        <v>0</v>
      </c>
      <c r="E23" s="181">
        <v>0</v>
      </c>
      <c r="F23" s="181">
        <v>0</v>
      </c>
      <c r="G23" s="284">
        <v>0</v>
      </c>
      <c r="H23" s="303">
        <v>0</v>
      </c>
      <c r="I23" s="328">
        <v>36756</v>
      </c>
      <c r="J23" s="181">
        <v>394</v>
      </c>
      <c r="K23" s="181">
        <v>0</v>
      </c>
      <c r="L23" s="181">
        <v>0</v>
      </c>
      <c r="M23" s="181">
        <v>14637</v>
      </c>
      <c r="N23" s="181">
        <v>0</v>
      </c>
      <c r="O23" s="181">
        <v>0</v>
      </c>
      <c r="P23" s="284">
        <v>51787</v>
      </c>
      <c r="Q23" s="303">
        <v>36107</v>
      </c>
      <c r="R23" s="281">
        <v>1402</v>
      </c>
      <c r="S23" s="288">
        <v>53189</v>
      </c>
    </row>
    <row r="24" spans="1:19" ht="15" customHeight="1" thickBot="1">
      <c r="A24" s="298" t="s">
        <v>238</v>
      </c>
      <c r="B24" s="329">
        <v>0</v>
      </c>
      <c r="C24" s="218">
        <v>121363</v>
      </c>
      <c r="D24" s="218">
        <v>0</v>
      </c>
      <c r="E24" s="218">
        <v>0</v>
      </c>
      <c r="F24" s="218">
        <v>4006</v>
      </c>
      <c r="G24" s="330">
        <v>125369</v>
      </c>
      <c r="H24" s="318">
        <v>0</v>
      </c>
      <c r="I24" s="329">
        <v>1969748</v>
      </c>
      <c r="J24" s="218">
        <v>276958</v>
      </c>
      <c r="K24" s="218">
        <v>351625</v>
      </c>
      <c r="L24" s="218">
        <v>71028</v>
      </c>
      <c r="M24" s="218">
        <v>180429</v>
      </c>
      <c r="N24" s="218">
        <v>1785225</v>
      </c>
      <c r="O24" s="218">
        <v>2971</v>
      </c>
      <c r="P24" s="284">
        <v>4637984</v>
      </c>
      <c r="Q24" s="318">
        <v>158201</v>
      </c>
      <c r="R24" s="327">
        <v>252684</v>
      </c>
      <c r="S24" s="288">
        <v>5016037</v>
      </c>
    </row>
    <row r="25" spans="1:19" ht="14.25" customHeight="1">
      <c r="A25" s="289" t="s">
        <v>47</v>
      </c>
      <c r="B25" s="326">
        <v>0</v>
      </c>
      <c r="C25" s="145">
        <v>0</v>
      </c>
      <c r="D25" s="145">
        <v>0</v>
      </c>
      <c r="E25" s="145">
        <v>0</v>
      </c>
      <c r="F25" s="145">
        <v>0</v>
      </c>
      <c r="G25" s="140">
        <v>0</v>
      </c>
      <c r="H25" s="293">
        <v>0</v>
      </c>
      <c r="I25" s="326">
        <v>0</v>
      </c>
      <c r="J25" s="145">
        <v>0</v>
      </c>
      <c r="K25" s="145">
        <v>0</v>
      </c>
      <c r="L25" s="145">
        <v>49351</v>
      </c>
      <c r="M25" s="145">
        <v>0</v>
      </c>
      <c r="N25" s="145">
        <v>0</v>
      </c>
      <c r="O25" s="145">
        <v>0</v>
      </c>
      <c r="P25" s="151">
        <v>49351</v>
      </c>
      <c r="Q25" s="293">
        <v>0</v>
      </c>
      <c r="R25" s="327">
        <v>0</v>
      </c>
      <c r="S25" s="275">
        <v>49351</v>
      </c>
    </row>
    <row r="26" spans="1:19" ht="14.25" customHeight="1">
      <c r="A26" s="295" t="s">
        <v>49</v>
      </c>
      <c r="B26" s="215">
        <v>0</v>
      </c>
      <c r="C26" s="155">
        <v>0</v>
      </c>
      <c r="D26" s="155">
        <v>0</v>
      </c>
      <c r="E26" s="155">
        <v>0</v>
      </c>
      <c r="F26" s="155">
        <v>0</v>
      </c>
      <c r="G26" s="157">
        <v>0</v>
      </c>
      <c r="H26" s="278">
        <v>0</v>
      </c>
      <c r="I26" s="215">
        <v>5864</v>
      </c>
      <c r="J26" s="155">
        <v>194</v>
      </c>
      <c r="K26" s="155">
        <v>24366</v>
      </c>
      <c r="L26" s="155">
        <v>0</v>
      </c>
      <c r="M26" s="155">
        <v>0</v>
      </c>
      <c r="N26" s="155">
        <v>33676</v>
      </c>
      <c r="O26" s="155">
        <v>0</v>
      </c>
      <c r="P26" s="157">
        <v>64100</v>
      </c>
      <c r="Q26" s="278">
        <v>0</v>
      </c>
      <c r="R26" s="281">
        <v>6</v>
      </c>
      <c r="S26" s="281">
        <v>64106</v>
      </c>
    </row>
    <row r="27" spans="1:19" ht="14.25" customHeight="1">
      <c r="A27" s="295" t="s">
        <v>51</v>
      </c>
      <c r="B27" s="215">
        <v>0</v>
      </c>
      <c r="C27" s="155">
        <v>31350</v>
      </c>
      <c r="D27" s="155">
        <v>0</v>
      </c>
      <c r="E27" s="155">
        <v>0</v>
      </c>
      <c r="F27" s="155">
        <v>0</v>
      </c>
      <c r="G27" s="157">
        <v>31350</v>
      </c>
      <c r="H27" s="278">
        <v>0</v>
      </c>
      <c r="I27" s="215">
        <v>28825</v>
      </c>
      <c r="J27" s="155">
        <v>2432</v>
      </c>
      <c r="K27" s="155">
        <v>92663</v>
      </c>
      <c r="L27" s="155">
        <v>0</v>
      </c>
      <c r="M27" s="155">
        <v>0</v>
      </c>
      <c r="N27" s="155">
        <v>77495</v>
      </c>
      <c r="O27" s="155">
        <v>0</v>
      </c>
      <c r="P27" s="157">
        <v>201415</v>
      </c>
      <c r="Q27" s="278">
        <v>0</v>
      </c>
      <c r="R27" s="281">
        <v>0</v>
      </c>
      <c r="S27" s="281">
        <v>232765</v>
      </c>
    </row>
    <row r="28" spans="1:19" ht="14.25" customHeight="1" thickBot="1">
      <c r="A28" s="296" t="s">
        <v>53</v>
      </c>
      <c r="B28" s="215">
        <v>0</v>
      </c>
      <c r="C28" s="155">
        <v>545</v>
      </c>
      <c r="D28" s="155">
        <v>0</v>
      </c>
      <c r="E28" s="155">
        <v>0</v>
      </c>
      <c r="F28" s="155">
        <v>0</v>
      </c>
      <c r="G28" s="284">
        <v>545</v>
      </c>
      <c r="H28" s="278">
        <v>0</v>
      </c>
      <c r="I28" s="215">
        <v>14051</v>
      </c>
      <c r="J28" s="155">
        <v>0</v>
      </c>
      <c r="K28" s="155">
        <v>17210</v>
      </c>
      <c r="L28" s="155">
        <v>0</v>
      </c>
      <c r="M28" s="155">
        <v>0</v>
      </c>
      <c r="N28" s="155">
        <v>27601</v>
      </c>
      <c r="O28" s="155">
        <v>0</v>
      </c>
      <c r="P28" s="284">
        <v>58862</v>
      </c>
      <c r="Q28" s="278">
        <v>0</v>
      </c>
      <c r="R28" s="281">
        <v>0</v>
      </c>
      <c r="S28" s="288">
        <v>59407</v>
      </c>
    </row>
    <row r="29" spans="1:19" ht="14.25" customHeight="1">
      <c r="A29" s="289" t="s">
        <v>55</v>
      </c>
      <c r="B29" s="326">
        <v>0</v>
      </c>
      <c r="C29" s="145">
        <v>0</v>
      </c>
      <c r="D29" s="145">
        <v>0</v>
      </c>
      <c r="E29" s="145">
        <v>0</v>
      </c>
      <c r="F29" s="145">
        <v>0</v>
      </c>
      <c r="G29" s="151">
        <v>0</v>
      </c>
      <c r="H29" s="293">
        <v>0</v>
      </c>
      <c r="I29" s="326">
        <v>212</v>
      </c>
      <c r="J29" s="145">
        <v>0</v>
      </c>
      <c r="K29" s="145">
        <v>0</v>
      </c>
      <c r="L29" s="145">
        <v>0</v>
      </c>
      <c r="M29" s="145">
        <v>0</v>
      </c>
      <c r="N29" s="145">
        <v>218</v>
      </c>
      <c r="O29" s="145">
        <v>0</v>
      </c>
      <c r="P29" s="151">
        <v>430</v>
      </c>
      <c r="Q29" s="293">
        <v>10873</v>
      </c>
      <c r="R29" s="327">
        <v>0</v>
      </c>
      <c r="S29" s="275">
        <v>430</v>
      </c>
    </row>
    <row r="30" spans="1:19" ht="14.25" customHeight="1">
      <c r="A30" s="295" t="s">
        <v>57</v>
      </c>
      <c r="B30" s="215">
        <v>0</v>
      </c>
      <c r="C30" s="155">
        <v>0</v>
      </c>
      <c r="D30" s="155">
        <v>0</v>
      </c>
      <c r="E30" s="155">
        <v>0</v>
      </c>
      <c r="F30" s="155">
        <v>0</v>
      </c>
      <c r="G30" s="157">
        <v>0</v>
      </c>
      <c r="H30" s="278">
        <v>0</v>
      </c>
      <c r="I30" s="215">
        <v>0</v>
      </c>
      <c r="J30" s="155">
        <v>0</v>
      </c>
      <c r="K30" s="155">
        <v>0</v>
      </c>
      <c r="L30" s="155">
        <v>0</v>
      </c>
      <c r="M30" s="155">
        <v>0</v>
      </c>
      <c r="N30" s="155">
        <v>208</v>
      </c>
      <c r="O30" s="155">
        <v>0</v>
      </c>
      <c r="P30" s="157">
        <v>208</v>
      </c>
      <c r="Q30" s="278">
        <v>8057</v>
      </c>
      <c r="R30" s="281">
        <v>0</v>
      </c>
      <c r="S30" s="281">
        <v>208</v>
      </c>
    </row>
    <row r="31" spans="1:19" ht="14.25" customHeight="1">
      <c r="A31" s="295" t="s">
        <v>59</v>
      </c>
      <c r="B31" s="215">
        <v>0</v>
      </c>
      <c r="C31" s="155">
        <v>0</v>
      </c>
      <c r="D31" s="155">
        <v>0</v>
      </c>
      <c r="E31" s="155">
        <v>0</v>
      </c>
      <c r="F31" s="155">
        <v>0</v>
      </c>
      <c r="G31" s="157">
        <v>0</v>
      </c>
      <c r="H31" s="278">
        <v>0</v>
      </c>
      <c r="I31" s="215">
        <v>0</v>
      </c>
      <c r="J31" s="155">
        <v>0</v>
      </c>
      <c r="K31" s="155">
        <v>0</v>
      </c>
      <c r="L31" s="155">
        <v>0</v>
      </c>
      <c r="M31" s="155">
        <v>0</v>
      </c>
      <c r="N31" s="155">
        <v>918</v>
      </c>
      <c r="O31" s="155">
        <v>0</v>
      </c>
      <c r="P31" s="157">
        <v>918</v>
      </c>
      <c r="Q31" s="278">
        <v>7506</v>
      </c>
      <c r="R31" s="281">
        <v>0</v>
      </c>
      <c r="S31" s="281">
        <v>918</v>
      </c>
    </row>
    <row r="32" spans="1:19" ht="14.25" customHeight="1">
      <c r="A32" s="295" t="s">
        <v>61</v>
      </c>
      <c r="B32" s="215">
        <v>0</v>
      </c>
      <c r="C32" s="155">
        <v>0</v>
      </c>
      <c r="D32" s="155">
        <v>0</v>
      </c>
      <c r="E32" s="155">
        <v>0</v>
      </c>
      <c r="F32" s="155">
        <v>0</v>
      </c>
      <c r="G32" s="157">
        <v>0</v>
      </c>
      <c r="H32" s="278">
        <v>0</v>
      </c>
      <c r="I32" s="215">
        <v>2000</v>
      </c>
      <c r="J32" s="155">
        <v>90</v>
      </c>
      <c r="K32" s="155">
        <v>0</v>
      </c>
      <c r="L32" s="155">
        <v>0</v>
      </c>
      <c r="M32" s="155">
        <v>0</v>
      </c>
      <c r="N32" s="155">
        <v>5250</v>
      </c>
      <c r="O32" s="155">
        <v>0</v>
      </c>
      <c r="P32" s="157">
        <v>7340</v>
      </c>
      <c r="Q32" s="278">
        <v>11808</v>
      </c>
      <c r="R32" s="281">
        <v>0</v>
      </c>
      <c r="S32" s="281">
        <v>7340</v>
      </c>
    </row>
    <row r="33" spans="1:19" ht="14.25" customHeight="1" thickBot="1">
      <c r="A33" s="296" t="s">
        <v>63</v>
      </c>
      <c r="B33" s="283">
        <v>0</v>
      </c>
      <c r="C33" s="165">
        <v>0</v>
      </c>
      <c r="D33" s="165">
        <v>0</v>
      </c>
      <c r="E33" s="165">
        <v>0</v>
      </c>
      <c r="F33" s="165">
        <v>0</v>
      </c>
      <c r="G33" s="284">
        <v>0</v>
      </c>
      <c r="H33" s="285">
        <v>0</v>
      </c>
      <c r="I33" s="283">
        <v>5472</v>
      </c>
      <c r="J33" s="165">
        <v>0</v>
      </c>
      <c r="K33" s="165">
        <v>0</v>
      </c>
      <c r="L33" s="165">
        <v>0</v>
      </c>
      <c r="M33" s="165">
        <v>0</v>
      </c>
      <c r="N33" s="165">
        <v>3498</v>
      </c>
      <c r="O33" s="165">
        <v>0</v>
      </c>
      <c r="P33" s="284">
        <v>8970</v>
      </c>
      <c r="Q33" s="285">
        <v>10805</v>
      </c>
      <c r="R33" s="288">
        <v>0</v>
      </c>
      <c r="S33" s="288">
        <v>8970</v>
      </c>
    </row>
    <row r="34" spans="1:19" ht="14.25" customHeight="1">
      <c r="A34" s="289" t="s">
        <v>65</v>
      </c>
      <c r="B34" s="326">
        <v>0</v>
      </c>
      <c r="C34" s="145">
        <v>19250</v>
      </c>
      <c r="D34" s="145">
        <v>0</v>
      </c>
      <c r="E34" s="145">
        <v>0</v>
      </c>
      <c r="F34" s="145">
        <v>0</v>
      </c>
      <c r="G34" s="151">
        <v>19250</v>
      </c>
      <c r="H34" s="293">
        <v>0</v>
      </c>
      <c r="I34" s="326">
        <v>6559</v>
      </c>
      <c r="J34" s="145">
        <v>238</v>
      </c>
      <c r="K34" s="145">
        <v>6206</v>
      </c>
      <c r="L34" s="145">
        <v>0</v>
      </c>
      <c r="M34" s="145">
        <v>0</v>
      </c>
      <c r="N34" s="145">
        <v>53594</v>
      </c>
      <c r="O34" s="145">
        <v>0</v>
      </c>
      <c r="P34" s="151">
        <v>66597</v>
      </c>
      <c r="Q34" s="293">
        <v>0</v>
      </c>
      <c r="R34" s="327">
        <v>0</v>
      </c>
      <c r="S34" s="275">
        <v>85847</v>
      </c>
    </row>
    <row r="35" spans="1:19" ht="14.25" customHeight="1">
      <c r="A35" s="295" t="s">
        <v>67</v>
      </c>
      <c r="B35" s="215">
        <v>0</v>
      </c>
      <c r="C35" s="155">
        <v>0</v>
      </c>
      <c r="D35" s="155">
        <v>0</v>
      </c>
      <c r="E35" s="155">
        <v>0</v>
      </c>
      <c r="F35" s="155">
        <v>0</v>
      </c>
      <c r="G35" s="157">
        <v>0</v>
      </c>
      <c r="H35" s="278">
        <v>0</v>
      </c>
      <c r="I35" s="215">
        <v>3831</v>
      </c>
      <c r="J35" s="155">
        <v>0</v>
      </c>
      <c r="K35" s="155">
        <v>0</v>
      </c>
      <c r="L35" s="155">
        <v>0</v>
      </c>
      <c r="M35" s="155">
        <v>0</v>
      </c>
      <c r="N35" s="155">
        <v>13200</v>
      </c>
      <c r="O35" s="155">
        <v>0</v>
      </c>
      <c r="P35" s="157">
        <v>17031</v>
      </c>
      <c r="Q35" s="278">
        <v>0</v>
      </c>
      <c r="R35" s="281">
        <v>0</v>
      </c>
      <c r="S35" s="281">
        <v>17031</v>
      </c>
    </row>
    <row r="36" spans="1:19" ht="14.25" customHeight="1">
      <c r="A36" s="295" t="s">
        <v>69</v>
      </c>
      <c r="B36" s="215">
        <v>0</v>
      </c>
      <c r="C36" s="155">
        <v>0</v>
      </c>
      <c r="D36" s="155">
        <v>0</v>
      </c>
      <c r="E36" s="155">
        <v>0</v>
      </c>
      <c r="F36" s="155">
        <v>0</v>
      </c>
      <c r="G36" s="157">
        <v>0</v>
      </c>
      <c r="H36" s="278">
        <v>0</v>
      </c>
      <c r="I36" s="215">
        <v>0</v>
      </c>
      <c r="J36" s="155">
        <v>0</v>
      </c>
      <c r="K36" s="155">
        <v>0</v>
      </c>
      <c r="L36" s="155">
        <v>0</v>
      </c>
      <c r="M36" s="155">
        <v>0</v>
      </c>
      <c r="N36" s="155">
        <v>50226</v>
      </c>
      <c r="O36" s="155">
        <v>0</v>
      </c>
      <c r="P36" s="157">
        <v>50226</v>
      </c>
      <c r="Q36" s="278">
        <v>0</v>
      </c>
      <c r="R36" s="281">
        <v>0</v>
      </c>
      <c r="S36" s="281">
        <v>50226</v>
      </c>
    </row>
    <row r="37" spans="1:19" ht="14.25" customHeight="1">
      <c r="A37" s="295" t="s">
        <v>70</v>
      </c>
      <c r="B37" s="215">
        <v>0</v>
      </c>
      <c r="C37" s="155">
        <v>0</v>
      </c>
      <c r="D37" s="155">
        <v>0</v>
      </c>
      <c r="E37" s="155">
        <v>0</v>
      </c>
      <c r="F37" s="155">
        <v>0</v>
      </c>
      <c r="G37" s="157">
        <v>0</v>
      </c>
      <c r="H37" s="278">
        <v>0</v>
      </c>
      <c r="I37" s="215">
        <v>39766</v>
      </c>
      <c r="J37" s="155">
        <v>2593</v>
      </c>
      <c r="K37" s="155">
        <v>19596</v>
      </c>
      <c r="L37" s="155">
        <v>1772</v>
      </c>
      <c r="M37" s="155">
        <v>0</v>
      </c>
      <c r="N37" s="155">
        <v>20280</v>
      </c>
      <c r="O37" s="155">
        <v>0</v>
      </c>
      <c r="P37" s="157">
        <v>84007</v>
      </c>
      <c r="Q37" s="278">
        <v>0</v>
      </c>
      <c r="R37" s="281">
        <v>1300</v>
      </c>
      <c r="S37" s="281">
        <v>85307</v>
      </c>
    </row>
    <row r="38" spans="1:19" ht="14.25" customHeight="1" thickBot="1">
      <c r="A38" s="296" t="s">
        <v>72</v>
      </c>
      <c r="B38" s="283">
        <v>0</v>
      </c>
      <c r="C38" s="165">
        <v>0</v>
      </c>
      <c r="D38" s="165">
        <v>0</v>
      </c>
      <c r="E38" s="165">
        <v>0</v>
      </c>
      <c r="F38" s="165">
        <v>0</v>
      </c>
      <c r="G38" s="284">
        <v>0</v>
      </c>
      <c r="H38" s="285">
        <v>0</v>
      </c>
      <c r="I38" s="283">
        <v>0</v>
      </c>
      <c r="J38" s="165">
        <v>0</v>
      </c>
      <c r="K38" s="165">
        <v>0</v>
      </c>
      <c r="L38" s="165">
        <v>0</v>
      </c>
      <c r="M38" s="165">
        <v>0</v>
      </c>
      <c r="N38" s="165">
        <v>5563</v>
      </c>
      <c r="O38" s="165">
        <v>0</v>
      </c>
      <c r="P38" s="284">
        <v>5563</v>
      </c>
      <c r="Q38" s="285">
        <v>0</v>
      </c>
      <c r="R38" s="288">
        <v>14</v>
      </c>
      <c r="S38" s="288">
        <v>5577</v>
      </c>
    </row>
    <row r="39" spans="1:19" ht="15" customHeight="1" thickBot="1">
      <c r="A39" s="301" t="s">
        <v>239</v>
      </c>
      <c r="B39" s="331">
        <v>0</v>
      </c>
      <c r="C39" s="143">
        <v>51145</v>
      </c>
      <c r="D39" s="143">
        <v>0</v>
      </c>
      <c r="E39" s="143">
        <v>0</v>
      </c>
      <c r="F39" s="143">
        <v>0</v>
      </c>
      <c r="G39" s="180">
        <v>51145</v>
      </c>
      <c r="H39" s="291" t="s">
        <v>278</v>
      </c>
      <c r="I39" s="328">
        <v>106580</v>
      </c>
      <c r="J39" s="181">
        <v>5547</v>
      </c>
      <c r="K39" s="181">
        <v>160041</v>
      </c>
      <c r="L39" s="181">
        <v>51123</v>
      </c>
      <c r="M39" s="181">
        <v>0</v>
      </c>
      <c r="N39" s="181">
        <v>291727</v>
      </c>
      <c r="O39" s="181">
        <v>0</v>
      </c>
      <c r="P39" s="180">
        <v>615018</v>
      </c>
      <c r="Q39" s="303">
        <v>49049</v>
      </c>
      <c r="R39" s="332">
        <v>1320</v>
      </c>
      <c r="S39" s="304">
        <v>667483</v>
      </c>
    </row>
    <row r="40" spans="1:19" s="160" customFormat="1" ht="16.5" customHeight="1" thickTop="1" thickBot="1">
      <c r="A40" s="305" t="s">
        <v>240</v>
      </c>
      <c r="B40" s="333">
        <v>0</v>
      </c>
      <c r="C40" s="306">
        <v>172508</v>
      </c>
      <c r="D40" s="204">
        <v>0</v>
      </c>
      <c r="E40" s="306">
        <v>0</v>
      </c>
      <c r="F40" s="306">
        <v>4006</v>
      </c>
      <c r="G40" s="307">
        <v>176514</v>
      </c>
      <c r="H40" s="308">
        <v>0</v>
      </c>
      <c r="I40" s="201">
        <v>2076328</v>
      </c>
      <c r="J40" s="306">
        <v>282505</v>
      </c>
      <c r="K40" s="204">
        <v>511666</v>
      </c>
      <c r="L40" s="204">
        <v>122151</v>
      </c>
      <c r="M40" s="204">
        <v>180429</v>
      </c>
      <c r="N40" s="204">
        <v>2076952</v>
      </c>
      <c r="O40" s="204">
        <v>2971</v>
      </c>
      <c r="P40" s="307">
        <v>5253002</v>
      </c>
      <c r="Q40" s="308">
        <v>207250</v>
      </c>
      <c r="R40" s="310">
        <v>254004</v>
      </c>
      <c r="S40" s="308">
        <v>5683520</v>
      </c>
    </row>
    <row r="41" spans="1:19" s="160" customFormat="1" ht="26.25" customHeight="1">
      <c r="A41" s="211" t="s">
        <v>247</v>
      </c>
      <c r="B41" s="326">
        <v>0</v>
      </c>
      <c r="C41" s="145">
        <v>0</v>
      </c>
      <c r="D41" s="145">
        <v>0</v>
      </c>
      <c r="E41" s="145">
        <v>0</v>
      </c>
      <c r="F41" s="145">
        <v>0</v>
      </c>
      <c r="G41" s="151">
        <v>0</v>
      </c>
      <c r="H41" s="293" t="s">
        <v>278</v>
      </c>
      <c r="I41" s="331">
        <v>0</v>
      </c>
      <c r="J41" s="143">
        <v>0</v>
      </c>
      <c r="K41" s="143">
        <v>0</v>
      </c>
      <c r="L41" s="143">
        <v>0</v>
      </c>
      <c r="M41" s="143">
        <v>0</v>
      </c>
      <c r="N41" s="143">
        <v>0</v>
      </c>
      <c r="O41" s="143">
        <v>0</v>
      </c>
      <c r="P41" s="151">
        <v>0</v>
      </c>
      <c r="Q41" s="291">
        <v>0</v>
      </c>
      <c r="R41" s="327">
        <v>0</v>
      </c>
      <c r="S41" s="275">
        <v>0</v>
      </c>
    </row>
    <row r="42" spans="1:19" s="160" customFormat="1" ht="26.25" customHeight="1">
      <c r="A42" s="214" t="s">
        <v>205</v>
      </c>
      <c r="B42" s="215">
        <v>0</v>
      </c>
      <c r="C42" s="155">
        <v>0</v>
      </c>
      <c r="D42" s="155">
        <v>0</v>
      </c>
      <c r="E42" s="155">
        <v>0</v>
      </c>
      <c r="F42" s="155">
        <v>0</v>
      </c>
      <c r="G42" s="151">
        <v>0</v>
      </c>
      <c r="H42" s="278" t="s">
        <v>278</v>
      </c>
      <c r="I42" s="215">
        <v>83137</v>
      </c>
      <c r="J42" s="155">
        <v>0</v>
      </c>
      <c r="K42" s="155">
        <v>34495</v>
      </c>
      <c r="L42" s="155">
        <v>0</v>
      </c>
      <c r="M42" s="155">
        <v>0</v>
      </c>
      <c r="N42" s="155">
        <v>1836</v>
      </c>
      <c r="O42" s="155">
        <v>0</v>
      </c>
      <c r="P42" s="157">
        <v>119468</v>
      </c>
      <c r="Q42" s="278">
        <v>0</v>
      </c>
      <c r="R42" s="281">
        <v>0</v>
      </c>
      <c r="S42" s="281">
        <v>119468</v>
      </c>
    </row>
    <row r="43" spans="1:19" s="160" customFormat="1" ht="26.25" customHeight="1">
      <c r="A43" s="214" t="s">
        <v>114</v>
      </c>
      <c r="B43" s="215">
        <v>0</v>
      </c>
      <c r="C43" s="155">
        <v>0</v>
      </c>
      <c r="D43" s="155">
        <v>0</v>
      </c>
      <c r="E43" s="155">
        <v>0</v>
      </c>
      <c r="F43" s="155">
        <v>0</v>
      </c>
      <c r="G43" s="151">
        <v>0</v>
      </c>
      <c r="H43" s="278" t="s">
        <v>278</v>
      </c>
      <c r="I43" s="215">
        <v>94315</v>
      </c>
      <c r="J43" s="155">
        <v>0</v>
      </c>
      <c r="K43" s="155">
        <v>0</v>
      </c>
      <c r="L43" s="155">
        <v>0</v>
      </c>
      <c r="M43" s="155">
        <v>0</v>
      </c>
      <c r="N43" s="155">
        <v>24413</v>
      </c>
      <c r="O43" s="155">
        <v>0</v>
      </c>
      <c r="P43" s="157">
        <v>118728</v>
      </c>
      <c r="Q43" s="278">
        <v>0</v>
      </c>
      <c r="R43" s="281">
        <v>2390</v>
      </c>
      <c r="S43" s="281">
        <v>121118</v>
      </c>
    </row>
    <row r="44" spans="1:19" s="160" customFormat="1" ht="26.25" customHeight="1">
      <c r="A44" s="216" t="s">
        <v>206</v>
      </c>
      <c r="B44" s="215">
        <v>0</v>
      </c>
      <c r="C44" s="155">
        <v>0</v>
      </c>
      <c r="D44" s="155">
        <v>0</v>
      </c>
      <c r="E44" s="155">
        <v>0</v>
      </c>
      <c r="F44" s="155">
        <v>0</v>
      </c>
      <c r="G44" s="151">
        <v>0</v>
      </c>
      <c r="H44" s="278" t="s">
        <v>278</v>
      </c>
      <c r="I44" s="215">
        <v>0</v>
      </c>
      <c r="J44" s="155">
        <v>0</v>
      </c>
      <c r="K44" s="155">
        <v>0</v>
      </c>
      <c r="L44" s="155">
        <v>0</v>
      </c>
      <c r="M44" s="155">
        <v>0</v>
      </c>
      <c r="N44" s="155">
        <v>0</v>
      </c>
      <c r="O44" s="155">
        <v>0</v>
      </c>
      <c r="P44" s="157">
        <v>0</v>
      </c>
      <c r="Q44" s="278">
        <v>0</v>
      </c>
      <c r="R44" s="281">
        <v>0</v>
      </c>
      <c r="S44" s="281">
        <v>0</v>
      </c>
    </row>
    <row r="45" spans="1:19" s="160" customFormat="1" ht="26.25" customHeight="1">
      <c r="A45" s="214" t="s">
        <v>125</v>
      </c>
      <c r="B45" s="215">
        <v>0</v>
      </c>
      <c r="C45" s="155">
        <v>0</v>
      </c>
      <c r="D45" s="155">
        <v>0</v>
      </c>
      <c r="E45" s="155">
        <v>0</v>
      </c>
      <c r="F45" s="155">
        <v>0</v>
      </c>
      <c r="G45" s="151">
        <v>0</v>
      </c>
      <c r="H45" s="278" t="s">
        <v>278</v>
      </c>
      <c r="I45" s="215">
        <v>0</v>
      </c>
      <c r="J45" s="155">
        <v>0</v>
      </c>
      <c r="K45" s="155">
        <v>0</v>
      </c>
      <c r="L45" s="155">
        <v>0</v>
      </c>
      <c r="M45" s="155">
        <v>0</v>
      </c>
      <c r="N45" s="155">
        <v>0</v>
      </c>
      <c r="O45" s="155">
        <v>0</v>
      </c>
      <c r="P45" s="157">
        <v>0</v>
      </c>
      <c r="Q45" s="278" t="s">
        <v>278</v>
      </c>
      <c r="R45" s="281">
        <v>0</v>
      </c>
      <c r="S45" s="281">
        <v>0</v>
      </c>
    </row>
    <row r="46" spans="1:19" s="160" customFormat="1" ht="26.25" customHeight="1">
      <c r="A46" s="214" t="s">
        <v>131</v>
      </c>
      <c r="B46" s="215">
        <v>0</v>
      </c>
      <c r="C46" s="155">
        <v>0</v>
      </c>
      <c r="D46" s="155">
        <v>0</v>
      </c>
      <c r="E46" s="155">
        <v>0</v>
      </c>
      <c r="F46" s="155">
        <v>0</v>
      </c>
      <c r="G46" s="151">
        <v>0</v>
      </c>
      <c r="H46" s="278" t="s">
        <v>278</v>
      </c>
      <c r="I46" s="215">
        <v>0</v>
      </c>
      <c r="J46" s="155">
        <v>0</v>
      </c>
      <c r="K46" s="155">
        <v>0</v>
      </c>
      <c r="L46" s="155">
        <v>0</v>
      </c>
      <c r="M46" s="155">
        <v>0</v>
      </c>
      <c r="N46" s="155">
        <v>0</v>
      </c>
      <c r="O46" s="155">
        <v>0</v>
      </c>
      <c r="P46" s="157">
        <v>0</v>
      </c>
      <c r="Q46" s="278">
        <v>0</v>
      </c>
      <c r="R46" s="281">
        <v>0</v>
      </c>
      <c r="S46" s="281">
        <v>0</v>
      </c>
    </row>
    <row r="47" spans="1:19" s="160" customFormat="1" ht="26.25" customHeight="1" thickBot="1">
      <c r="A47" s="216" t="s">
        <v>207</v>
      </c>
      <c r="B47" s="283">
        <v>0</v>
      </c>
      <c r="C47" s="165">
        <v>0</v>
      </c>
      <c r="D47" s="165">
        <v>0</v>
      </c>
      <c r="E47" s="165">
        <v>0</v>
      </c>
      <c r="F47" s="165">
        <v>0</v>
      </c>
      <c r="G47" s="334">
        <v>0</v>
      </c>
      <c r="H47" s="285" t="s">
        <v>278</v>
      </c>
      <c r="I47" s="283">
        <v>0</v>
      </c>
      <c r="J47" s="165">
        <v>0</v>
      </c>
      <c r="K47" s="165">
        <v>0</v>
      </c>
      <c r="L47" s="165">
        <v>0</v>
      </c>
      <c r="M47" s="165">
        <v>0</v>
      </c>
      <c r="N47" s="165">
        <v>0</v>
      </c>
      <c r="O47" s="165">
        <v>0</v>
      </c>
      <c r="P47" s="284">
        <v>0</v>
      </c>
      <c r="Q47" s="285">
        <v>0</v>
      </c>
      <c r="R47" s="288">
        <v>0</v>
      </c>
      <c r="S47" s="288">
        <v>0</v>
      </c>
    </row>
    <row r="48" spans="1:19" s="160" customFormat="1" ht="15" customHeight="1" thickBot="1">
      <c r="A48" s="313" t="s">
        <v>242</v>
      </c>
      <c r="B48" s="329">
        <v>0</v>
      </c>
      <c r="C48" s="218">
        <v>0</v>
      </c>
      <c r="D48" s="218">
        <v>0</v>
      </c>
      <c r="E48" s="218">
        <v>0</v>
      </c>
      <c r="F48" s="218">
        <v>0</v>
      </c>
      <c r="G48" s="184">
        <v>0</v>
      </c>
      <c r="H48" s="318" t="s">
        <v>278</v>
      </c>
      <c r="I48" s="329">
        <v>177452</v>
      </c>
      <c r="J48" s="218">
        <v>0</v>
      </c>
      <c r="K48" s="218">
        <v>34495</v>
      </c>
      <c r="L48" s="218">
        <v>0</v>
      </c>
      <c r="M48" s="218">
        <v>0</v>
      </c>
      <c r="N48" s="218">
        <v>26249</v>
      </c>
      <c r="O48" s="218">
        <v>0</v>
      </c>
      <c r="P48" s="284">
        <v>238196</v>
      </c>
      <c r="Q48" s="318">
        <v>0</v>
      </c>
      <c r="R48" s="288">
        <v>2390</v>
      </c>
      <c r="S48" s="319">
        <v>240586</v>
      </c>
    </row>
    <row r="49" spans="1:19" s="160" customFormat="1" ht="14.25" customHeight="1" thickBot="1">
      <c r="A49" s="313" t="s">
        <v>75</v>
      </c>
      <c r="B49" s="329">
        <v>0</v>
      </c>
      <c r="C49" s="218">
        <v>172508</v>
      </c>
      <c r="D49" s="218">
        <v>0</v>
      </c>
      <c r="E49" s="218">
        <v>0</v>
      </c>
      <c r="F49" s="218">
        <v>4006</v>
      </c>
      <c r="G49" s="184">
        <v>176514</v>
      </c>
      <c r="H49" s="318" t="s">
        <v>278</v>
      </c>
      <c r="I49" s="329">
        <v>2253780</v>
      </c>
      <c r="J49" s="218">
        <v>282505</v>
      </c>
      <c r="K49" s="218">
        <v>546161</v>
      </c>
      <c r="L49" s="218">
        <v>122151</v>
      </c>
      <c r="M49" s="218">
        <v>180429</v>
      </c>
      <c r="N49" s="218">
        <v>2103201</v>
      </c>
      <c r="O49" s="218">
        <v>2971</v>
      </c>
      <c r="P49" s="284">
        <v>5491198</v>
      </c>
      <c r="Q49" s="318">
        <v>207250</v>
      </c>
      <c r="R49" s="288">
        <v>256394</v>
      </c>
      <c r="S49" s="319">
        <v>5924106</v>
      </c>
    </row>
    <row r="50" spans="1:19" s="160" customFormat="1" ht="14.45" customHeight="1"/>
    <row r="51" spans="1:19" s="160" customFormat="1" ht="16.5" customHeight="1">
      <c r="A51" s="320"/>
    </row>
    <row r="64" spans="1:19" ht="16.5" customHeight="1">
      <c r="A64" s="321"/>
    </row>
  </sheetData>
  <mergeCells count="15">
    <mergeCell ref="A2:A4"/>
    <mergeCell ref="B2:H2"/>
    <mergeCell ref="I2:Q2"/>
    <mergeCell ref="R2:R4"/>
    <mergeCell ref="S2:S4"/>
    <mergeCell ref="B3:E3"/>
    <mergeCell ref="F3:F4"/>
    <mergeCell ref="G3:G4"/>
    <mergeCell ref="H3:H4"/>
    <mergeCell ref="I3:I4"/>
    <mergeCell ref="J3:L3"/>
    <mergeCell ref="N3:N4"/>
    <mergeCell ref="O3:O4"/>
    <mergeCell ref="P3:P4"/>
    <mergeCell ref="Q3:Q4"/>
  </mergeCells>
  <phoneticPr fontId="5"/>
  <conditionalFormatting sqref="C1:H1 J1:L1 A1:B1048576 I1:I1048576 C3:H65536 J3:Q65536 N1:T1 R2:T38 U1:IN38 R39:IN1048576">
    <cfRule type="cellIs" dxfId="2" priority="3" stopIfTrue="1" operator="equal">
      <formula>0</formula>
    </cfRule>
  </conditionalFormatting>
  <pageMargins left="0.59055118110236227" right="0.59055118110236227" top="0.74803149606299213" bottom="0.47244094488188981" header="0.51181102362204722" footer="0.27559055118110237"/>
  <pageSetup paperSize="9" scale="95" fitToWidth="2" orientation="portrait" r:id="rId1"/>
  <headerFooter alignWithMargins="0"/>
  <colBreaks count="1" manualBreakCount="1">
    <brk id="9" max="49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pageSetUpPr fitToPage="1"/>
  </sheetPr>
  <dimension ref="A1:AA57"/>
  <sheetViews>
    <sheetView zoomScaleNormal="100" zoomScaleSheetLayoutView="84" workbookViewId="0">
      <pane xSplit="1" ySplit="4" topLeftCell="B5" activePane="bottomRight" state="frozen"/>
      <selection activeCell="B30" sqref="B30:C30"/>
      <selection pane="topRight" activeCell="B30" sqref="B30:C30"/>
      <selection pane="bottomLeft" activeCell="B30" sqref="B30:C30"/>
      <selection pane="bottomRight" activeCell="K56" sqref="K56"/>
    </sheetView>
  </sheetViews>
  <sheetFormatPr defaultColWidth="9" defaultRowHeight="16.5" customHeight="1"/>
  <cols>
    <col min="1" max="1" width="16.625" style="320" customWidth="1"/>
    <col min="2" max="2" width="11.25" style="320" customWidth="1"/>
    <col min="3" max="3" width="9.75" style="160" customWidth="1"/>
    <col min="4" max="4" width="5.75" style="160" customWidth="1"/>
    <col min="5" max="5" width="9.75" style="160" customWidth="1"/>
    <col min="6" max="6" width="5.75" style="160" customWidth="1"/>
    <col min="7" max="7" width="9.375" style="160" customWidth="1"/>
    <col min="8" max="8" width="5.75" style="160" customWidth="1"/>
    <col min="9" max="9" width="9.375" style="160" customWidth="1"/>
    <col min="10" max="10" width="5.75" style="160" customWidth="1"/>
    <col min="11" max="11" width="7.5" style="160" customWidth="1"/>
    <col min="12" max="12" width="10.875" style="160" customWidth="1"/>
    <col min="13" max="13" width="10" style="320" customWidth="1"/>
    <col min="14" max="14" width="9.375" style="160" customWidth="1"/>
    <col min="15" max="15" width="5.75" style="160" customWidth="1"/>
    <col min="16" max="16" width="9.375" style="160" customWidth="1"/>
    <col min="17" max="17" width="5.75" style="160" customWidth="1"/>
    <col min="18" max="18" width="9.375" style="160" customWidth="1"/>
    <col min="19" max="19" width="5.875" style="160" customWidth="1"/>
    <col min="20" max="20" width="9.375" style="160" customWidth="1"/>
    <col min="21" max="21" width="5" style="160" customWidth="1"/>
    <col min="22" max="23" width="8" style="160" customWidth="1"/>
    <col min="24" max="24" width="2.125" style="160" customWidth="1"/>
    <col min="25" max="27" width="0" style="160" hidden="1" customWidth="1"/>
    <col min="28" max="16384" width="9" style="160"/>
  </cols>
  <sheetData>
    <row r="1" spans="1:27" s="338" customFormat="1" ht="16.5" customHeight="1" thickBot="1">
      <c r="A1" s="335" t="s">
        <v>248</v>
      </c>
      <c r="B1" s="336"/>
      <c r="C1" s="337"/>
      <c r="N1" s="337"/>
      <c r="Q1" s="336"/>
    </row>
    <row r="2" spans="1:27" s="263" customFormat="1" ht="12.95" customHeight="1" thickBot="1">
      <c r="A2" s="538" t="s">
        <v>249</v>
      </c>
      <c r="B2" s="339"/>
      <c r="C2" s="574" t="s">
        <v>250</v>
      </c>
      <c r="D2" s="575"/>
      <c r="E2" s="575"/>
      <c r="F2" s="575"/>
      <c r="G2" s="575"/>
      <c r="H2" s="575"/>
      <c r="I2" s="340"/>
      <c r="J2" s="340"/>
      <c r="K2" s="341"/>
      <c r="L2" s="342"/>
      <c r="M2" s="339"/>
      <c r="N2" s="574" t="s">
        <v>190</v>
      </c>
      <c r="O2" s="575"/>
      <c r="P2" s="575"/>
      <c r="Q2" s="575"/>
      <c r="R2" s="575"/>
      <c r="S2" s="575"/>
      <c r="T2" s="340"/>
      <c r="U2" s="340"/>
      <c r="V2" s="341"/>
      <c r="W2" s="342"/>
    </row>
    <row r="3" spans="1:27" s="263" customFormat="1" ht="12.95" customHeight="1">
      <c r="A3" s="539"/>
      <c r="B3" s="343" t="s">
        <v>251</v>
      </c>
      <c r="C3" s="344"/>
      <c r="D3" s="576" t="s">
        <v>252</v>
      </c>
      <c r="E3" s="576"/>
      <c r="F3" s="576"/>
      <c r="G3" s="576"/>
      <c r="H3" s="576"/>
      <c r="I3" s="576"/>
      <c r="J3" s="345"/>
      <c r="K3" s="346" t="s">
        <v>253</v>
      </c>
      <c r="L3" s="345" t="s">
        <v>254</v>
      </c>
      <c r="M3" s="343" t="s">
        <v>251</v>
      </c>
      <c r="N3" s="344"/>
      <c r="O3" s="576" t="s">
        <v>252</v>
      </c>
      <c r="P3" s="576"/>
      <c r="Q3" s="576"/>
      <c r="R3" s="576"/>
      <c r="S3" s="576"/>
      <c r="T3" s="576"/>
      <c r="U3" s="345"/>
      <c r="V3" s="346" t="s">
        <v>253</v>
      </c>
      <c r="W3" s="345" t="s">
        <v>254</v>
      </c>
    </row>
    <row r="4" spans="1:27" s="263" customFormat="1" ht="24" customHeight="1" thickBot="1">
      <c r="A4" s="540"/>
      <c r="B4" s="347" t="s">
        <v>255</v>
      </c>
      <c r="C4" s="348" t="s">
        <v>256</v>
      </c>
      <c r="D4" s="349" t="s">
        <v>257</v>
      </c>
      <c r="E4" s="65" t="s">
        <v>235</v>
      </c>
      <c r="F4" s="349" t="s">
        <v>257</v>
      </c>
      <c r="G4" s="350" t="s">
        <v>258</v>
      </c>
      <c r="H4" s="349" t="s">
        <v>259</v>
      </c>
      <c r="I4" s="351" t="s">
        <v>233</v>
      </c>
      <c r="J4" s="349" t="s">
        <v>259</v>
      </c>
      <c r="K4" s="352" t="s">
        <v>260</v>
      </c>
      <c r="L4" s="353" t="s">
        <v>261</v>
      </c>
      <c r="M4" s="347" t="s">
        <v>255</v>
      </c>
      <c r="N4" s="354" t="s">
        <v>256</v>
      </c>
      <c r="O4" s="355" t="s">
        <v>257</v>
      </c>
      <c r="P4" s="356" t="s">
        <v>235</v>
      </c>
      <c r="Q4" s="355" t="s">
        <v>257</v>
      </c>
      <c r="R4" s="351" t="s">
        <v>258</v>
      </c>
      <c r="S4" s="355" t="s">
        <v>259</v>
      </c>
      <c r="T4" s="351" t="s">
        <v>233</v>
      </c>
      <c r="U4" s="355" t="s">
        <v>259</v>
      </c>
      <c r="V4" s="357" t="s">
        <v>262</v>
      </c>
      <c r="W4" s="353" t="s">
        <v>263</v>
      </c>
    </row>
    <row r="5" spans="1:27" ht="14.25" customHeight="1">
      <c r="A5" s="358" t="s">
        <v>7</v>
      </c>
      <c r="B5" s="139">
        <v>37203619</v>
      </c>
      <c r="C5" s="326">
        <v>20636680</v>
      </c>
      <c r="D5" s="359">
        <v>55.469549884380875</v>
      </c>
      <c r="E5" s="145">
        <v>9298253</v>
      </c>
      <c r="F5" s="359">
        <v>24.992872333199628</v>
      </c>
      <c r="G5" s="145">
        <v>7268686</v>
      </c>
      <c r="H5" s="359">
        <v>19.5375777824195</v>
      </c>
      <c r="I5" s="145">
        <v>0</v>
      </c>
      <c r="J5" s="360">
        <v>0</v>
      </c>
      <c r="K5" s="326">
        <v>40781.547268011745</v>
      </c>
      <c r="L5" s="293">
        <v>9865.5522328849984</v>
      </c>
      <c r="M5" s="361">
        <v>867666</v>
      </c>
      <c r="N5" s="139">
        <v>664517</v>
      </c>
      <c r="O5" s="359">
        <v>76.586728072783771</v>
      </c>
      <c r="P5" s="362">
        <v>125640</v>
      </c>
      <c r="Q5" s="359">
        <v>14.480226262179224</v>
      </c>
      <c r="R5" s="145">
        <v>77509</v>
      </c>
      <c r="S5" s="359">
        <v>8.9330456650370085</v>
      </c>
      <c r="T5" s="145">
        <v>0</v>
      </c>
      <c r="U5" s="363">
        <v>0</v>
      </c>
      <c r="V5" s="326">
        <v>25259.563318777291</v>
      </c>
      <c r="W5" s="293">
        <v>70381.732641142124</v>
      </c>
      <c r="Y5" s="160" t="s">
        <v>9</v>
      </c>
      <c r="Z5" s="160" t="s">
        <v>229</v>
      </c>
    </row>
    <row r="6" spans="1:27" ht="14.25" customHeight="1">
      <c r="A6" s="364" t="s">
        <v>11</v>
      </c>
      <c r="B6" s="150">
        <v>16349363</v>
      </c>
      <c r="C6" s="365">
        <v>8790855</v>
      </c>
      <c r="D6" s="366">
        <v>53.768792093000805</v>
      </c>
      <c r="E6" s="168">
        <v>6952732</v>
      </c>
      <c r="F6" s="366">
        <v>42.526011563875613</v>
      </c>
      <c r="G6" s="168">
        <v>605776</v>
      </c>
      <c r="H6" s="366">
        <v>3.7051963431235824</v>
      </c>
      <c r="I6" s="168">
        <v>0</v>
      </c>
      <c r="J6" s="367">
        <v>0</v>
      </c>
      <c r="K6" s="365">
        <v>44866.282292632859</v>
      </c>
      <c r="L6" s="271">
        <v>10535.822547925362</v>
      </c>
      <c r="M6" s="368">
        <v>889130</v>
      </c>
      <c r="N6" s="269">
        <v>785820</v>
      </c>
      <c r="O6" s="369">
        <v>88.380776714316241</v>
      </c>
      <c r="P6" s="193">
        <v>103310</v>
      </c>
      <c r="Q6" s="369">
        <v>11.619223285683757</v>
      </c>
      <c r="R6" s="270">
        <v>0</v>
      </c>
      <c r="S6" s="369">
        <v>0</v>
      </c>
      <c r="T6" s="270">
        <v>0</v>
      </c>
      <c r="U6" s="370">
        <v>0</v>
      </c>
      <c r="V6" s="365">
        <v>22620.14399470832</v>
      </c>
      <c r="W6" s="273">
        <v>138278.3825816485</v>
      </c>
      <c r="Z6" s="160" t="s">
        <v>10</v>
      </c>
      <c r="AA6" s="160" t="s">
        <v>264</v>
      </c>
    </row>
    <row r="7" spans="1:27" ht="14.25" customHeight="1">
      <c r="A7" s="371" t="s">
        <v>13</v>
      </c>
      <c r="B7" s="153">
        <v>9387088</v>
      </c>
      <c r="C7" s="215">
        <v>4170212</v>
      </c>
      <c r="D7" s="372">
        <v>44.424980355995388</v>
      </c>
      <c r="E7" s="155">
        <v>5081506</v>
      </c>
      <c r="F7" s="372">
        <v>54.132932385421341</v>
      </c>
      <c r="G7" s="155">
        <v>135370</v>
      </c>
      <c r="H7" s="372">
        <v>1.4420872585832796</v>
      </c>
      <c r="I7" s="155">
        <v>0</v>
      </c>
      <c r="J7" s="373">
        <v>0</v>
      </c>
      <c r="K7" s="215">
        <v>47375.558942576536</v>
      </c>
      <c r="L7" s="278">
        <v>12973.009428043108</v>
      </c>
      <c r="M7" s="374">
        <v>487059</v>
      </c>
      <c r="N7" s="215">
        <v>248283</v>
      </c>
      <c r="O7" s="372">
        <v>50.975959791318914</v>
      </c>
      <c r="P7" s="155">
        <v>238776</v>
      </c>
      <c r="Q7" s="372">
        <v>49.024040208681086</v>
      </c>
      <c r="R7" s="155">
        <v>0</v>
      </c>
      <c r="S7" s="372">
        <v>0</v>
      </c>
      <c r="T7" s="155">
        <v>0</v>
      </c>
      <c r="U7" s="375">
        <v>0</v>
      </c>
      <c r="V7" s="365">
        <v>18520.057796874404</v>
      </c>
      <c r="W7" s="278">
        <v>22347.28148657949</v>
      </c>
      <c r="Y7" s="160" t="s">
        <v>265</v>
      </c>
      <c r="Z7" s="160" t="s">
        <v>189</v>
      </c>
      <c r="AA7" s="160" t="s">
        <v>266</v>
      </c>
    </row>
    <row r="8" spans="1:27" ht="14.25" customHeight="1">
      <c r="A8" s="371" t="s">
        <v>15</v>
      </c>
      <c r="B8" s="153">
        <v>5789884</v>
      </c>
      <c r="C8" s="215">
        <v>2356949</v>
      </c>
      <c r="D8" s="372">
        <v>40.708052182047169</v>
      </c>
      <c r="E8" s="155">
        <v>3285527</v>
      </c>
      <c r="F8" s="372">
        <v>56.7459900751034</v>
      </c>
      <c r="G8" s="155">
        <v>147408</v>
      </c>
      <c r="H8" s="372">
        <v>2.5459577428494251</v>
      </c>
      <c r="I8" s="155">
        <v>0</v>
      </c>
      <c r="J8" s="373">
        <v>0</v>
      </c>
      <c r="K8" s="215">
        <v>61122.43734560733</v>
      </c>
      <c r="L8" s="278">
        <v>15596.025223507102</v>
      </c>
      <c r="M8" s="374">
        <v>371318</v>
      </c>
      <c r="N8" s="215">
        <v>122527</v>
      </c>
      <c r="O8" s="372">
        <v>32.997861671128256</v>
      </c>
      <c r="P8" s="155">
        <v>248791</v>
      </c>
      <c r="Q8" s="372">
        <v>67.002138328871752</v>
      </c>
      <c r="R8" s="155">
        <v>0</v>
      </c>
      <c r="S8" s="372">
        <v>0</v>
      </c>
      <c r="T8" s="155">
        <v>0</v>
      </c>
      <c r="U8" s="375">
        <v>0</v>
      </c>
      <c r="V8" s="365">
        <v>29397.355712136807</v>
      </c>
      <c r="W8" s="278">
        <v>21568.192379182157</v>
      </c>
      <c r="Z8" s="160" t="s">
        <v>190</v>
      </c>
      <c r="AA8" s="160" t="s">
        <v>267</v>
      </c>
    </row>
    <row r="9" spans="1:27" ht="14.25" customHeight="1" thickBot="1">
      <c r="A9" s="376" t="s">
        <v>17</v>
      </c>
      <c r="B9" s="377">
        <v>3077377</v>
      </c>
      <c r="C9" s="283">
        <v>1606391</v>
      </c>
      <c r="D9" s="372">
        <v>52.200006694012465</v>
      </c>
      <c r="E9" s="165">
        <v>1361707</v>
      </c>
      <c r="F9" s="372">
        <v>44.248949673699386</v>
      </c>
      <c r="G9" s="165">
        <v>109279</v>
      </c>
      <c r="H9" s="372">
        <v>3.5510436322881462</v>
      </c>
      <c r="I9" s="165">
        <v>0</v>
      </c>
      <c r="J9" s="373">
        <v>0</v>
      </c>
      <c r="K9" s="283">
        <v>42632.98837676461</v>
      </c>
      <c r="L9" s="285">
        <v>11910.275563124082</v>
      </c>
      <c r="M9" s="378">
        <v>111544</v>
      </c>
      <c r="N9" s="283">
        <v>60661</v>
      </c>
      <c r="O9" s="379">
        <v>54.383023739510861</v>
      </c>
      <c r="P9" s="165">
        <v>50883</v>
      </c>
      <c r="Q9" s="379">
        <v>45.616976260489132</v>
      </c>
      <c r="R9" s="165">
        <v>0</v>
      </c>
      <c r="S9" s="379">
        <v>0</v>
      </c>
      <c r="T9" s="165">
        <v>0</v>
      </c>
      <c r="U9" s="380">
        <v>0</v>
      </c>
      <c r="V9" s="283">
        <v>21688.508652537428</v>
      </c>
      <c r="W9" s="285">
        <v>16643.390032826024</v>
      </c>
    </row>
    <row r="10" spans="1:27" ht="14.25" customHeight="1">
      <c r="A10" s="138" t="s">
        <v>19</v>
      </c>
      <c r="B10" s="327">
        <v>4005404</v>
      </c>
      <c r="C10" s="326">
        <v>1422499</v>
      </c>
      <c r="D10" s="359">
        <v>35.51449491736664</v>
      </c>
      <c r="E10" s="145">
        <v>2474890</v>
      </c>
      <c r="F10" s="359">
        <v>61.788773367180937</v>
      </c>
      <c r="G10" s="145">
        <v>3187</v>
      </c>
      <c r="H10" s="359">
        <v>7.9567504301688408E-2</v>
      </c>
      <c r="I10" s="168">
        <v>104828</v>
      </c>
      <c r="J10" s="360">
        <v>2.6171642111507354</v>
      </c>
      <c r="K10" s="365">
        <v>75176.501501501509</v>
      </c>
      <c r="L10" s="273">
        <v>23532.683924185985</v>
      </c>
      <c r="M10" s="361">
        <v>104642</v>
      </c>
      <c r="N10" s="196">
        <v>6507</v>
      </c>
      <c r="O10" s="381">
        <v>6.2183444506030083</v>
      </c>
      <c r="P10" s="290">
        <v>98135</v>
      </c>
      <c r="Q10" s="381">
        <v>93.781655549396987</v>
      </c>
      <c r="R10" s="143">
        <v>0</v>
      </c>
      <c r="S10" s="381">
        <v>0</v>
      </c>
      <c r="T10" s="143">
        <v>0</v>
      </c>
      <c r="U10" s="382">
        <v>0</v>
      </c>
      <c r="V10" s="365">
        <v>35616.746085772633</v>
      </c>
      <c r="W10" s="273">
        <v>7416.6843858530019</v>
      </c>
    </row>
    <row r="11" spans="1:27" ht="14.25" customHeight="1">
      <c r="A11" s="149" t="s">
        <v>21</v>
      </c>
      <c r="B11" s="281">
        <v>7071255</v>
      </c>
      <c r="C11" s="215">
        <v>3789885</v>
      </c>
      <c r="D11" s="372">
        <v>53.595648862896326</v>
      </c>
      <c r="E11" s="155">
        <v>3102509</v>
      </c>
      <c r="F11" s="372">
        <v>43.874941576848805</v>
      </c>
      <c r="G11" s="155">
        <v>178069</v>
      </c>
      <c r="H11" s="372">
        <v>2.5182092853390241</v>
      </c>
      <c r="I11" s="155">
        <v>792</v>
      </c>
      <c r="J11" s="373">
        <v>1.1200274915838844E-2</v>
      </c>
      <c r="K11" s="215">
        <v>68959.597043162808</v>
      </c>
      <c r="L11" s="278">
        <v>15934.97116665202</v>
      </c>
      <c r="M11" s="374">
        <v>136486</v>
      </c>
      <c r="N11" s="215">
        <v>412</v>
      </c>
      <c r="O11" s="372">
        <v>0.30186246208402329</v>
      </c>
      <c r="P11" s="155">
        <v>136074</v>
      </c>
      <c r="Q11" s="372">
        <v>99.698137537915983</v>
      </c>
      <c r="R11" s="155">
        <v>0</v>
      </c>
      <c r="S11" s="372">
        <v>0</v>
      </c>
      <c r="T11" s="155">
        <v>0</v>
      </c>
      <c r="U11" s="375">
        <v>0</v>
      </c>
      <c r="V11" s="365">
        <v>10639.69441845962</v>
      </c>
      <c r="W11" s="278">
        <v>8381.6015720953073</v>
      </c>
    </row>
    <row r="12" spans="1:27" ht="14.25" customHeight="1">
      <c r="A12" s="149" t="s">
        <v>23</v>
      </c>
      <c r="B12" s="281">
        <v>2269394</v>
      </c>
      <c r="C12" s="215">
        <v>1067115</v>
      </c>
      <c r="D12" s="372">
        <v>47.022024381839387</v>
      </c>
      <c r="E12" s="155">
        <v>958780</v>
      </c>
      <c r="F12" s="372">
        <v>42.248283021811112</v>
      </c>
      <c r="G12" s="155">
        <v>243499</v>
      </c>
      <c r="H12" s="372">
        <v>10.72969259634951</v>
      </c>
      <c r="I12" s="155">
        <v>0</v>
      </c>
      <c r="J12" s="373">
        <v>0</v>
      </c>
      <c r="K12" s="215">
        <v>37245.310268992798</v>
      </c>
      <c r="L12" s="278">
        <v>12205.89912115573</v>
      </c>
      <c r="M12" s="374">
        <v>445030</v>
      </c>
      <c r="N12" s="215">
        <v>293936</v>
      </c>
      <c r="O12" s="372">
        <v>66.048580994539691</v>
      </c>
      <c r="P12" s="155">
        <v>151094</v>
      </c>
      <c r="Q12" s="372">
        <v>33.951419005460302</v>
      </c>
      <c r="R12" s="155">
        <v>0</v>
      </c>
      <c r="S12" s="372">
        <v>0</v>
      </c>
      <c r="T12" s="155">
        <v>0</v>
      </c>
      <c r="U12" s="375">
        <v>0</v>
      </c>
      <c r="V12" s="365">
        <v>18029.818093424623</v>
      </c>
      <c r="W12" s="278">
        <v>11570.039517470881</v>
      </c>
    </row>
    <row r="13" spans="1:27" ht="14.25" customHeight="1">
      <c r="A13" s="149" t="s">
        <v>25</v>
      </c>
      <c r="B13" s="281">
        <v>3604746</v>
      </c>
      <c r="C13" s="215">
        <v>1701502</v>
      </c>
      <c r="D13" s="372">
        <v>47.201716847733515</v>
      </c>
      <c r="E13" s="155">
        <v>1500095</v>
      </c>
      <c r="F13" s="372">
        <v>41.614443847083812</v>
      </c>
      <c r="G13" s="155">
        <v>400063</v>
      </c>
      <c r="H13" s="372">
        <v>11.098229944634101</v>
      </c>
      <c r="I13" s="155">
        <v>3086</v>
      </c>
      <c r="J13" s="373">
        <v>8.5609360548565702E-2</v>
      </c>
      <c r="K13" s="215">
        <v>57417.785635781525</v>
      </c>
      <c r="L13" s="278">
        <v>14688.129280944018</v>
      </c>
      <c r="M13" s="374">
        <v>268495</v>
      </c>
      <c r="N13" s="215">
        <v>156344</v>
      </c>
      <c r="O13" s="372">
        <v>58.229762192964486</v>
      </c>
      <c r="P13" s="155">
        <v>106054</v>
      </c>
      <c r="Q13" s="372">
        <v>39.499432019218233</v>
      </c>
      <c r="R13" s="155">
        <v>2605</v>
      </c>
      <c r="S13" s="372">
        <v>0.97022290917894194</v>
      </c>
      <c r="T13" s="155">
        <v>3492</v>
      </c>
      <c r="U13" s="375">
        <v>1.3005828786383358</v>
      </c>
      <c r="V13" s="365">
        <v>31967.496130491723</v>
      </c>
      <c r="W13" s="278">
        <v>22640.610506788093</v>
      </c>
    </row>
    <row r="14" spans="1:27" ht="14.25" customHeight="1" thickBot="1">
      <c r="A14" s="163" t="s">
        <v>27</v>
      </c>
      <c r="B14" s="288">
        <v>1450984</v>
      </c>
      <c r="C14" s="283">
        <v>272389</v>
      </c>
      <c r="D14" s="372">
        <v>18.77270872731884</v>
      </c>
      <c r="E14" s="165">
        <v>1052321</v>
      </c>
      <c r="F14" s="372">
        <v>72.524645344125091</v>
      </c>
      <c r="G14" s="165">
        <v>126274</v>
      </c>
      <c r="H14" s="372">
        <v>8.7026459285560698</v>
      </c>
      <c r="I14" s="165">
        <v>0</v>
      </c>
      <c r="J14" s="373">
        <v>0</v>
      </c>
      <c r="K14" s="283">
        <v>104192.44578486285</v>
      </c>
      <c r="L14" s="285">
        <v>24808.234167692517</v>
      </c>
      <c r="M14" s="378">
        <v>1612</v>
      </c>
      <c r="N14" s="283">
        <v>41</v>
      </c>
      <c r="O14" s="379">
        <v>2.5434243176178661</v>
      </c>
      <c r="P14" s="165">
        <v>1571</v>
      </c>
      <c r="Q14" s="379">
        <v>97.456575682382123</v>
      </c>
      <c r="R14" s="165">
        <v>0</v>
      </c>
      <c r="S14" s="379">
        <v>0</v>
      </c>
      <c r="T14" s="165">
        <v>0</v>
      </c>
      <c r="U14" s="380">
        <v>0</v>
      </c>
      <c r="V14" s="283">
        <v>6606.5573770491801</v>
      </c>
      <c r="W14" s="285">
        <v>11432.624113475176</v>
      </c>
    </row>
    <row r="15" spans="1:27" ht="14.25" customHeight="1">
      <c r="A15" s="138" t="s">
        <v>28</v>
      </c>
      <c r="B15" s="327">
        <v>827514</v>
      </c>
      <c r="C15" s="326">
        <v>352309</v>
      </c>
      <c r="D15" s="359">
        <v>42.574385448463715</v>
      </c>
      <c r="E15" s="145">
        <v>390688</v>
      </c>
      <c r="F15" s="359">
        <v>47.212252602372892</v>
      </c>
      <c r="G15" s="145">
        <v>84517</v>
      </c>
      <c r="H15" s="359">
        <v>10.213361949163398</v>
      </c>
      <c r="I15" s="168">
        <v>0</v>
      </c>
      <c r="J15" s="360">
        <v>0</v>
      </c>
      <c r="K15" s="365">
        <v>59886.669561441595</v>
      </c>
      <c r="L15" s="273">
        <v>20924.823627582369</v>
      </c>
      <c r="M15" s="361">
        <v>420792</v>
      </c>
      <c r="N15" s="196">
        <v>53591</v>
      </c>
      <c r="O15" s="381">
        <v>12.735745926728645</v>
      </c>
      <c r="P15" s="290">
        <v>367201</v>
      </c>
      <c r="Q15" s="381">
        <v>87.264254073271346</v>
      </c>
      <c r="R15" s="143">
        <v>0</v>
      </c>
      <c r="S15" s="381">
        <v>0</v>
      </c>
      <c r="T15" s="143">
        <v>0</v>
      </c>
      <c r="U15" s="382">
        <v>0</v>
      </c>
      <c r="V15" s="365">
        <v>22412.356857523304</v>
      </c>
      <c r="W15" s="273">
        <v>15934.262344744016</v>
      </c>
    </row>
    <row r="16" spans="1:27" ht="14.25" customHeight="1">
      <c r="A16" s="149" t="s">
        <v>30</v>
      </c>
      <c r="B16" s="281">
        <v>2048502</v>
      </c>
      <c r="C16" s="215">
        <v>988576</v>
      </c>
      <c r="D16" s="372">
        <v>48.25848351624748</v>
      </c>
      <c r="E16" s="155">
        <v>838584</v>
      </c>
      <c r="F16" s="372">
        <v>40.936450147473622</v>
      </c>
      <c r="G16" s="155">
        <v>221342</v>
      </c>
      <c r="H16" s="372">
        <v>10.8050663362789</v>
      </c>
      <c r="I16" s="155">
        <v>0</v>
      </c>
      <c r="J16" s="373">
        <v>0</v>
      </c>
      <c r="K16" s="215">
        <v>46942.001420747496</v>
      </c>
      <c r="L16" s="278">
        <v>12750.858978189424</v>
      </c>
      <c r="M16" s="374">
        <v>26072</v>
      </c>
      <c r="N16" s="215">
        <v>26072</v>
      </c>
      <c r="O16" s="372">
        <v>100</v>
      </c>
      <c r="P16" s="155">
        <v>0</v>
      </c>
      <c r="Q16" s="372">
        <v>0</v>
      </c>
      <c r="R16" s="155">
        <v>0</v>
      </c>
      <c r="S16" s="372">
        <v>0</v>
      </c>
      <c r="T16" s="155">
        <v>0</v>
      </c>
      <c r="U16" s="375">
        <v>0</v>
      </c>
      <c r="V16" s="365">
        <v>1930.9731891571621</v>
      </c>
      <c r="W16" s="278">
        <v>921.69547848835157</v>
      </c>
    </row>
    <row r="17" spans="1:23" ht="14.25" customHeight="1">
      <c r="A17" s="149" t="s">
        <v>32</v>
      </c>
      <c r="B17" s="281">
        <v>3797589</v>
      </c>
      <c r="C17" s="215">
        <v>2154638</v>
      </c>
      <c r="D17" s="372">
        <v>56.736998132236003</v>
      </c>
      <c r="E17" s="155">
        <v>1443554</v>
      </c>
      <c r="F17" s="372">
        <v>38.012381013321871</v>
      </c>
      <c r="G17" s="155">
        <v>189164</v>
      </c>
      <c r="H17" s="372">
        <v>4.981160415200276</v>
      </c>
      <c r="I17" s="155">
        <v>10233</v>
      </c>
      <c r="J17" s="373">
        <v>0.26946043924184532</v>
      </c>
      <c r="K17" s="215">
        <v>60039.034338835132</v>
      </c>
      <c r="L17" s="278">
        <v>16975.954833172407</v>
      </c>
      <c r="M17" s="374">
        <v>184318</v>
      </c>
      <c r="N17" s="215">
        <v>94230</v>
      </c>
      <c r="O17" s="372">
        <v>51.123601601579885</v>
      </c>
      <c r="P17" s="155">
        <v>90088</v>
      </c>
      <c r="Q17" s="372">
        <v>48.876398398420122</v>
      </c>
      <c r="R17" s="155">
        <v>0</v>
      </c>
      <c r="S17" s="372">
        <v>0</v>
      </c>
      <c r="T17" s="155">
        <v>0</v>
      </c>
      <c r="U17" s="375">
        <v>0</v>
      </c>
      <c r="V17" s="365">
        <v>13627.948243992605</v>
      </c>
      <c r="W17" s="278">
        <v>7833.9850391023465</v>
      </c>
    </row>
    <row r="18" spans="1:23" ht="14.25" customHeight="1">
      <c r="A18" s="149" t="s">
        <v>34</v>
      </c>
      <c r="B18" s="281">
        <v>6466273</v>
      </c>
      <c r="C18" s="215">
        <v>1709976</v>
      </c>
      <c r="D18" s="372">
        <v>26.444537680360853</v>
      </c>
      <c r="E18" s="155">
        <v>4719087</v>
      </c>
      <c r="F18" s="372">
        <v>72.980014917402954</v>
      </c>
      <c r="G18" s="155">
        <v>37210</v>
      </c>
      <c r="H18" s="372">
        <v>0.57544740223618773</v>
      </c>
      <c r="I18" s="155">
        <v>0</v>
      </c>
      <c r="J18" s="373">
        <v>0</v>
      </c>
      <c r="K18" s="215">
        <v>102548.10010149708</v>
      </c>
      <c r="L18" s="278">
        <v>26488.851474522042</v>
      </c>
      <c r="M18" s="374">
        <v>49634</v>
      </c>
      <c r="N18" s="215">
        <v>49634</v>
      </c>
      <c r="O18" s="372">
        <v>100</v>
      </c>
      <c r="P18" s="155">
        <v>0</v>
      </c>
      <c r="Q18" s="372">
        <v>0</v>
      </c>
      <c r="R18" s="155">
        <v>0</v>
      </c>
      <c r="S18" s="372">
        <v>0</v>
      </c>
      <c r="T18" s="155">
        <v>0</v>
      </c>
      <c r="U18" s="375">
        <v>0</v>
      </c>
      <c r="V18" s="365">
        <v>14225.852679850961</v>
      </c>
      <c r="W18" s="278">
        <v>4311.8755972547997</v>
      </c>
    </row>
    <row r="19" spans="1:23" ht="14.25" customHeight="1" thickBot="1">
      <c r="A19" s="163" t="s">
        <v>36</v>
      </c>
      <c r="B19" s="288">
        <v>1304116</v>
      </c>
      <c r="C19" s="283">
        <v>666564</v>
      </c>
      <c r="D19" s="372">
        <v>51.112324363783593</v>
      </c>
      <c r="E19" s="165">
        <v>488956</v>
      </c>
      <c r="F19" s="372">
        <v>37.493290474160275</v>
      </c>
      <c r="G19" s="165">
        <v>148596</v>
      </c>
      <c r="H19" s="372">
        <v>11.394385162056137</v>
      </c>
      <c r="I19" s="165">
        <v>0</v>
      </c>
      <c r="J19" s="373">
        <v>0</v>
      </c>
      <c r="K19" s="283">
        <v>51631.799825797767</v>
      </c>
      <c r="L19" s="285">
        <v>12875.834287745351</v>
      </c>
      <c r="M19" s="378">
        <v>125959</v>
      </c>
      <c r="N19" s="283">
        <v>48470</v>
      </c>
      <c r="O19" s="379">
        <v>38.480775490437367</v>
      </c>
      <c r="P19" s="165">
        <v>73870</v>
      </c>
      <c r="Q19" s="379">
        <v>58.646067371128694</v>
      </c>
      <c r="R19" s="165">
        <v>0</v>
      </c>
      <c r="S19" s="379">
        <v>0</v>
      </c>
      <c r="T19" s="165">
        <v>3619</v>
      </c>
      <c r="U19" s="380">
        <v>2.8731571384339349</v>
      </c>
      <c r="V19" s="283">
        <v>9559.7298117789924</v>
      </c>
      <c r="W19" s="285">
        <v>5581.3098192130446</v>
      </c>
    </row>
    <row r="20" spans="1:23" ht="14.25" customHeight="1">
      <c r="A20" s="138" t="s">
        <v>38</v>
      </c>
      <c r="B20" s="327">
        <v>1506084</v>
      </c>
      <c r="C20" s="326">
        <v>995984</v>
      </c>
      <c r="D20" s="359">
        <v>66.13070718499101</v>
      </c>
      <c r="E20" s="145">
        <v>510100</v>
      </c>
      <c r="F20" s="359">
        <v>33.86929281500899</v>
      </c>
      <c r="G20" s="145">
        <v>0</v>
      </c>
      <c r="H20" s="359">
        <v>0</v>
      </c>
      <c r="I20" s="168">
        <v>0</v>
      </c>
      <c r="J20" s="360">
        <v>0</v>
      </c>
      <c r="K20" s="365">
        <v>43984.813527642298</v>
      </c>
      <c r="L20" s="273">
        <v>10660.579291599423</v>
      </c>
      <c r="M20" s="361">
        <v>74568</v>
      </c>
      <c r="N20" s="196">
        <v>22468</v>
      </c>
      <c r="O20" s="381">
        <v>30.130887243857956</v>
      </c>
      <c r="P20" s="290">
        <v>52100</v>
      </c>
      <c r="Q20" s="381">
        <v>69.869112756142044</v>
      </c>
      <c r="R20" s="143">
        <v>0</v>
      </c>
      <c r="S20" s="381">
        <v>0</v>
      </c>
      <c r="T20" s="143">
        <v>0</v>
      </c>
      <c r="U20" s="382">
        <v>0</v>
      </c>
      <c r="V20" s="365">
        <v>23800.829875518673</v>
      </c>
      <c r="W20" s="273">
        <v>10109.544468546637</v>
      </c>
    </row>
    <row r="21" spans="1:23" ht="14.25" customHeight="1">
      <c r="A21" s="149" t="s">
        <v>40</v>
      </c>
      <c r="B21" s="281">
        <v>1303749</v>
      </c>
      <c r="C21" s="215">
        <v>835060</v>
      </c>
      <c r="D21" s="372">
        <v>64.050672330333526</v>
      </c>
      <c r="E21" s="155">
        <v>468689</v>
      </c>
      <c r="F21" s="372">
        <v>35.949327669666474</v>
      </c>
      <c r="G21" s="155">
        <v>0</v>
      </c>
      <c r="H21" s="372">
        <v>0</v>
      </c>
      <c r="I21" s="155">
        <v>0</v>
      </c>
      <c r="J21" s="373">
        <v>0</v>
      </c>
      <c r="K21" s="215">
        <v>41863.307966477216</v>
      </c>
      <c r="L21" s="278">
        <v>9889.0228917307613</v>
      </c>
      <c r="M21" s="374">
        <v>80962</v>
      </c>
      <c r="N21" s="215">
        <v>33010</v>
      </c>
      <c r="O21" s="372">
        <v>40.772214125145126</v>
      </c>
      <c r="P21" s="155">
        <v>47952</v>
      </c>
      <c r="Q21" s="372">
        <v>59.227785874854867</v>
      </c>
      <c r="R21" s="155">
        <v>0</v>
      </c>
      <c r="S21" s="372">
        <v>0</v>
      </c>
      <c r="T21" s="155">
        <v>0</v>
      </c>
      <c r="U21" s="375">
        <v>0</v>
      </c>
      <c r="V21" s="365">
        <v>23610.965296004666</v>
      </c>
      <c r="W21" s="278">
        <v>12778.093434343435</v>
      </c>
    </row>
    <row r="22" spans="1:23" ht="14.25" customHeight="1">
      <c r="A22" s="149" t="s">
        <v>41</v>
      </c>
      <c r="B22" s="281">
        <v>587016</v>
      </c>
      <c r="C22" s="215">
        <v>275058</v>
      </c>
      <c r="D22" s="372">
        <v>46.85698515883724</v>
      </c>
      <c r="E22" s="155">
        <v>165000</v>
      </c>
      <c r="F22" s="372">
        <v>28.108262807146655</v>
      </c>
      <c r="G22" s="155">
        <v>124343</v>
      </c>
      <c r="H22" s="372">
        <v>21.182216498357796</v>
      </c>
      <c r="I22" s="155">
        <v>22615</v>
      </c>
      <c r="J22" s="373">
        <v>3.8525355356583129</v>
      </c>
      <c r="K22" s="215">
        <v>50496</v>
      </c>
      <c r="L22" s="278">
        <v>14914.782255195894</v>
      </c>
      <c r="M22" s="374">
        <v>63004</v>
      </c>
      <c r="N22" s="215">
        <v>21352</v>
      </c>
      <c r="O22" s="372">
        <v>33.889911751634813</v>
      </c>
      <c r="P22" s="155">
        <v>41652</v>
      </c>
      <c r="Q22" s="372">
        <v>66.110088248365187</v>
      </c>
      <c r="R22" s="155">
        <v>0</v>
      </c>
      <c r="S22" s="372">
        <v>0</v>
      </c>
      <c r="T22" s="155">
        <v>0</v>
      </c>
      <c r="U22" s="375">
        <v>0</v>
      </c>
      <c r="V22" s="365">
        <v>5314.1025641025635</v>
      </c>
      <c r="W22" s="278">
        <v>6528.2354160190653</v>
      </c>
    </row>
    <row r="23" spans="1:23" ht="14.25" customHeight="1" thickBot="1">
      <c r="A23" s="178" t="s">
        <v>43</v>
      </c>
      <c r="B23" s="281">
        <v>856446</v>
      </c>
      <c r="C23" s="215">
        <v>535908</v>
      </c>
      <c r="D23" s="372">
        <v>62.573472232925361</v>
      </c>
      <c r="E23" s="155">
        <v>320538</v>
      </c>
      <c r="F23" s="372">
        <v>37.426527767074631</v>
      </c>
      <c r="G23" s="155">
        <v>0</v>
      </c>
      <c r="H23" s="372">
        <v>0</v>
      </c>
      <c r="I23" s="165">
        <v>0</v>
      </c>
      <c r="J23" s="373">
        <v>0</v>
      </c>
      <c r="K23" s="283">
        <v>39781.039528078407</v>
      </c>
      <c r="L23" s="285">
        <v>10339.80441868888</v>
      </c>
      <c r="M23" s="374">
        <v>87894</v>
      </c>
      <c r="N23" s="215">
        <v>47560</v>
      </c>
      <c r="O23" s="372">
        <v>54.110633262793819</v>
      </c>
      <c r="P23" s="155">
        <v>40334</v>
      </c>
      <c r="Q23" s="372">
        <v>45.889366737206174</v>
      </c>
      <c r="R23" s="155">
        <v>0</v>
      </c>
      <c r="S23" s="372">
        <v>0</v>
      </c>
      <c r="T23" s="155">
        <v>0</v>
      </c>
      <c r="U23" s="375">
        <v>0</v>
      </c>
      <c r="V23" s="283">
        <v>20872.476846354784</v>
      </c>
      <c r="W23" s="285">
        <v>19571.142284569138</v>
      </c>
    </row>
    <row r="24" spans="1:23" ht="14.25" customHeight="1" thickBot="1">
      <c r="A24" s="313" t="s">
        <v>238</v>
      </c>
      <c r="B24" s="327">
        <v>108906403</v>
      </c>
      <c r="C24" s="326">
        <v>54328550</v>
      </c>
      <c r="D24" s="359">
        <v>49.885542542434351</v>
      </c>
      <c r="E24" s="145">
        <v>44413516</v>
      </c>
      <c r="F24" s="359">
        <v>40.781363424517842</v>
      </c>
      <c r="G24" s="145">
        <v>10022783</v>
      </c>
      <c r="H24" s="359">
        <v>9.2031163677309227</v>
      </c>
      <c r="I24" s="315">
        <v>141554</v>
      </c>
      <c r="J24" s="360">
        <v>0.12997766531688681</v>
      </c>
      <c r="K24" s="283">
        <v>48559.531198444762</v>
      </c>
      <c r="L24" s="285">
        <v>12175.849967465896</v>
      </c>
      <c r="M24" s="361">
        <v>4796185</v>
      </c>
      <c r="N24" s="196">
        <v>2735435</v>
      </c>
      <c r="O24" s="381">
        <v>57.033558964051636</v>
      </c>
      <c r="P24" s="290">
        <v>1973525</v>
      </c>
      <c r="Q24" s="381">
        <v>41.147808101647456</v>
      </c>
      <c r="R24" s="143">
        <v>80114</v>
      </c>
      <c r="S24" s="381">
        <v>1.6703692622365485</v>
      </c>
      <c r="T24" s="143">
        <v>7111</v>
      </c>
      <c r="U24" s="382">
        <v>0.14826367206435948</v>
      </c>
      <c r="V24" s="283">
        <v>19038.675283227083</v>
      </c>
      <c r="W24" s="285">
        <v>16800.188451892227</v>
      </c>
    </row>
    <row r="25" spans="1:23" ht="14.25" customHeight="1">
      <c r="A25" s="138" t="s">
        <v>47</v>
      </c>
      <c r="B25" s="327">
        <v>768132</v>
      </c>
      <c r="C25" s="326">
        <v>411896</v>
      </c>
      <c r="D25" s="359">
        <v>53.623075200616569</v>
      </c>
      <c r="E25" s="145">
        <v>333821</v>
      </c>
      <c r="F25" s="359">
        <v>43.458806559289286</v>
      </c>
      <c r="G25" s="145">
        <v>937</v>
      </c>
      <c r="H25" s="359">
        <v>0.12198424229168944</v>
      </c>
      <c r="I25" s="168">
        <v>21478</v>
      </c>
      <c r="J25" s="360">
        <v>2.7961339978024613</v>
      </c>
      <c r="K25" s="365">
        <v>97801.375095492738</v>
      </c>
      <c r="L25" s="273">
        <v>25014.06799531067</v>
      </c>
      <c r="M25" s="361">
        <v>49351</v>
      </c>
      <c r="N25" s="196">
        <v>0</v>
      </c>
      <c r="O25" s="381">
        <v>0</v>
      </c>
      <c r="P25" s="290">
        <v>0</v>
      </c>
      <c r="Q25" s="381">
        <v>0</v>
      </c>
      <c r="R25" s="143">
        <v>49351</v>
      </c>
      <c r="S25" s="381">
        <v>100</v>
      </c>
      <c r="T25" s="143">
        <v>0</v>
      </c>
      <c r="U25" s="382">
        <v>0</v>
      </c>
      <c r="V25" s="143">
        <v>6238.2758184805971</v>
      </c>
      <c r="W25" s="273">
        <v>7721.9527460491317</v>
      </c>
    </row>
    <row r="26" spans="1:23" ht="14.25" customHeight="1">
      <c r="A26" s="149" t="s">
        <v>49</v>
      </c>
      <c r="B26" s="281">
        <v>513171</v>
      </c>
      <c r="C26" s="215">
        <v>232810</v>
      </c>
      <c r="D26" s="372">
        <v>45.366943962149072</v>
      </c>
      <c r="E26" s="155">
        <v>192561</v>
      </c>
      <c r="F26" s="372">
        <v>37.523749393477033</v>
      </c>
      <c r="G26" s="155">
        <v>86319</v>
      </c>
      <c r="H26" s="372">
        <v>16.820708886511515</v>
      </c>
      <c r="I26" s="155">
        <v>1481</v>
      </c>
      <c r="J26" s="373">
        <v>0.28859775786238895</v>
      </c>
      <c r="K26" s="215">
        <v>40267.655367231637</v>
      </c>
      <c r="L26" s="278">
        <v>10576.483924154987</v>
      </c>
      <c r="M26" s="374">
        <v>64100</v>
      </c>
      <c r="N26" s="215">
        <v>30177</v>
      </c>
      <c r="O26" s="372">
        <v>47.078003120124805</v>
      </c>
      <c r="P26" s="155">
        <v>33378</v>
      </c>
      <c r="Q26" s="372">
        <v>52.071762870514824</v>
      </c>
      <c r="R26" s="155">
        <v>383</v>
      </c>
      <c r="S26" s="372">
        <v>0.5975039001560063</v>
      </c>
      <c r="T26" s="155">
        <v>162</v>
      </c>
      <c r="U26" s="375">
        <v>0.25273010920436817</v>
      </c>
      <c r="V26" s="155">
        <v>26067.50711671411</v>
      </c>
      <c r="W26" s="278">
        <v>18225.760591413135</v>
      </c>
    </row>
    <row r="27" spans="1:23" ht="14.25" customHeight="1">
      <c r="A27" s="149" t="s">
        <v>51</v>
      </c>
      <c r="B27" s="281">
        <v>553499</v>
      </c>
      <c r="C27" s="215">
        <v>225655</v>
      </c>
      <c r="D27" s="372">
        <v>40.76881801051131</v>
      </c>
      <c r="E27" s="155">
        <v>319469</v>
      </c>
      <c r="F27" s="372">
        <v>57.718080791473881</v>
      </c>
      <c r="G27" s="155">
        <v>8375</v>
      </c>
      <c r="H27" s="372">
        <v>1.5131011980148112</v>
      </c>
      <c r="I27" s="155">
        <v>0</v>
      </c>
      <c r="J27" s="373">
        <v>0</v>
      </c>
      <c r="K27" s="215">
        <v>58683.100084817641</v>
      </c>
      <c r="L27" s="278">
        <v>17951.512989329614</v>
      </c>
      <c r="M27" s="374">
        <v>201415</v>
      </c>
      <c r="N27" s="215">
        <v>57156</v>
      </c>
      <c r="O27" s="372">
        <v>28.377231090037981</v>
      </c>
      <c r="P27" s="155">
        <v>144259</v>
      </c>
      <c r="Q27" s="372">
        <v>71.622768909962019</v>
      </c>
      <c r="R27" s="155">
        <v>0</v>
      </c>
      <c r="S27" s="372">
        <v>0</v>
      </c>
      <c r="T27" s="155">
        <v>0</v>
      </c>
      <c r="U27" s="375">
        <v>0</v>
      </c>
      <c r="V27" s="155">
        <v>32418.31643328505</v>
      </c>
      <c r="W27" s="278">
        <v>25638.365580448066</v>
      </c>
    </row>
    <row r="28" spans="1:23" ht="14.25" customHeight="1" thickBot="1">
      <c r="A28" s="163" t="s">
        <v>53</v>
      </c>
      <c r="B28" s="281">
        <v>500807</v>
      </c>
      <c r="C28" s="215">
        <v>246749</v>
      </c>
      <c r="D28" s="372">
        <v>49.270277771676511</v>
      </c>
      <c r="E28" s="155">
        <v>119314</v>
      </c>
      <c r="F28" s="372">
        <v>23.824347503129946</v>
      </c>
      <c r="G28" s="155">
        <v>4440</v>
      </c>
      <c r="H28" s="372">
        <v>0.88656907750890057</v>
      </c>
      <c r="I28" s="165">
        <v>130304</v>
      </c>
      <c r="J28" s="373">
        <v>26.018805647684641</v>
      </c>
      <c r="K28" s="283">
        <v>67970.54831704669</v>
      </c>
      <c r="L28" s="285">
        <v>18767.35994004122</v>
      </c>
      <c r="M28" s="374">
        <v>58862</v>
      </c>
      <c r="N28" s="215">
        <v>18098</v>
      </c>
      <c r="O28" s="372">
        <v>30.746491794366481</v>
      </c>
      <c r="P28" s="155">
        <v>37140</v>
      </c>
      <c r="Q28" s="372">
        <v>63.096734735482997</v>
      </c>
      <c r="R28" s="155">
        <v>3624</v>
      </c>
      <c r="S28" s="372">
        <v>6.1567734701505215</v>
      </c>
      <c r="T28" s="155">
        <v>0</v>
      </c>
      <c r="U28" s="375">
        <v>0</v>
      </c>
      <c r="V28" s="155">
        <v>14125.7499400048</v>
      </c>
      <c r="W28" s="285">
        <v>12457.566137566138</v>
      </c>
    </row>
    <row r="29" spans="1:23" ht="14.25" customHeight="1">
      <c r="A29" s="138" t="s">
        <v>55</v>
      </c>
      <c r="B29" s="327">
        <v>144336</v>
      </c>
      <c r="C29" s="326">
        <v>61151</v>
      </c>
      <c r="D29" s="359">
        <v>42.367115619110962</v>
      </c>
      <c r="E29" s="145">
        <v>79035</v>
      </c>
      <c r="F29" s="359">
        <v>54.757648819421348</v>
      </c>
      <c r="G29" s="145">
        <v>3724</v>
      </c>
      <c r="H29" s="359">
        <v>2.5800908990134133</v>
      </c>
      <c r="I29" s="168">
        <v>426</v>
      </c>
      <c r="J29" s="360">
        <v>0.29514466245427334</v>
      </c>
      <c r="K29" s="365">
        <v>51882.09920920201</v>
      </c>
      <c r="L29" s="273">
        <v>16204.78275513641</v>
      </c>
      <c r="M29" s="361">
        <v>11303</v>
      </c>
      <c r="N29" s="196">
        <v>223</v>
      </c>
      <c r="O29" s="381">
        <v>1.9729275413607008</v>
      </c>
      <c r="P29" s="290">
        <v>9158</v>
      </c>
      <c r="Q29" s="381">
        <v>81.02273732637353</v>
      </c>
      <c r="R29" s="143">
        <v>279</v>
      </c>
      <c r="S29" s="381">
        <v>2.468371228877289</v>
      </c>
      <c r="T29" s="143">
        <v>1643</v>
      </c>
      <c r="U29" s="382">
        <v>14.535963903388479</v>
      </c>
      <c r="V29" s="143">
        <v>4701.7470881863565</v>
      </c>
      <c r="W29" s="273">
        <v>3266.7630057803472</v>
      </c>
    </row>
    <row r="30" spans="1:23" ht="14.25" customHeight="1">
      <c r="A30" s="149" t="s">
        <v>57</v>
      </c>
      <c r="B30" s="281">
        <v>238541</v>
      </c>
      <c r="C30" s="215">
        <v>108849</v>
      </c>
      <c r="D30" s="372">
        <v>45.631149362164159</v>
      </c>
      <c r="E30" s="155">
        <v>124138</v>
      </c>
      <c r="F30" s="372">
        <v>52.04052972025773</v>
      </c>
      <c r="G30" s="155">
        <v>5554</v>
      </c>
      <c r="H30" s="372">
        <v>2.3283209175781105</v>
      </c>
      <c r="I30" s="155">
        <v>0</v>
      </c>
      <c r="J30" s="373">
        <v>0</v>
      </c>
      <c r="K30" s="215">
        <v>49275.149762445777</v>
      </c>
      <c r="L30" s="278">
        <v>13817.249768303984</v>
      </c>
      <c r="M30" s="374">
        <v>8265</v>
      </c>
      <c r="N30" s="215">
        <v>208</v>
      </c>
      <c r="O30" s="372">
        <v>2.5166364186327885</v>
      </c>
      <c r="P30" s="155">
        <v>7636</v>
      </c>
      <c r="Q30" s="372">
        <v>92.389594676346036</v>
      </c>
      <c r="R30" s="155">
        <v>202</v>
      </c>
      <c r="S30" s="372">
        <v>2.4440411373260735</v>
      </c>
      <c r="T30" s="155">
        <v>219</v>
      </c>
      <c r="U30" s="375">
        <v>2.6497277676950999</v>
      </c>
      <c r="V30" s="155">
        <v>8000.9680542110364</v>
      </c>
      <c r="W30" s="278">
        <v>4496.7355821545161</v>
      </c>
    </row>
    <row r="31" spans="1:23" ht="14.25" customHeight="1">
      <c r="A31" s="149" t="s">
        <v>59</v>
      </c>
      <c r="B31" s="281">
        <v>131636</v>
      </c>
      <c r="C31" s="215">
        <v>43219</v>
      </c>
      <c r="D31" s="372">
        <v>32.832203956364516</v>
      </c>
      <c r="E31" s="155">
        <v>88417</v>
      </c>
      <c r="F31" s="372">
        <v>67.167796043635477</v>
      </c>
      <c r="G31" s="155">
        <v>0</v>
      </c>
      <c r="H31" s="372">
        <v>0</v>
      </c>
      <c r="I31" s="155">
        <v>0</v>
      </c>
      <c r="J31" s="373">
        <v>0</v>
      </c>
      <c r="K31" s="215">
        <v>44561.949898442792</v>
      </c>
      <c r="L31" s="278">
        <v>12816.278843345341</v>
      </c>
      <c r="M31" s="374">
        <v>8424</v>
      </c>
      <c r="N31" s="215">
        <v>918</v>
      </c>
      <c r="O31" s="372">
        <v>10.897435897435898</v>
      </c>
      <c r="P31" s="155">
        <v>7506</v>
      </c>
      <c r="Q31" s="372">
        <v>89.102564102564102</v>
      </c>
      <c r="R31" s="155">
        <v>0</v>
      </c>
      <c r="S31" s="372">
        <v>0</v>
      </c>
      <c r="T31" s="155">
        <v>0</v>
      </c>
      <c r="U31" s="375">
        <v>0</v>
      </c>
      <c r="V31" s="155">
        <v>7402.4604569420035</v>
      </c>
      <c r="W31" s="278">
        <v>5556.7282321899738</v>
      </c>
    </row>
    <row r="32" spans="1:23" ht="14.25" customHeight="1">
      <c r="A32" s="149" t="s">
        <v>61</v>
      </c>
      <c r="B32" s="281">
        <v>165202</v>
      </c>
      <c r="C32" s="215">
        <v>76837</v>
      </c>
      <c r="D32" s="372">
        <v>46.510938124235786</v>
      </c>
      <c r="E32" s="155">
        <v>72497</v>
      </c>
      <c r="F32" s="372">
        <v>43.883851285093399</v>
      </c>
      <c r="G32" s="155">
        <v>15868</v>
      </c>
      <c r="H32" s="372">
        <v>9.605210590670815</v>
      </c>
      <c r="I32" s="155">
        <v>0</v>
      </c>
      <c r="J32" s="373">
        <v>0</v>
      </c>
      <c r="K32" s="215">
        <v>54022.890778286463</v>
      </c>
      <c r="L32" s="278">
        <v>18168.041350489388</v>
      </c>
      <c r="M32" s="374">
        <v>19148</v>
      </c>
      <c r="N32" s="215">
        <v>5975</v>
      </c>
      <c r="O32" s="372">
        <v>31.204303321495718</v>
      </c>
      <c r="P32" s="155">
        <v>12520</v>
      </c>
      <c r="Q32" s="372">
        <v>65.385418842698968</v>
      </c>
      <c r="R32" s="155">
        <v>331</v>
      </c>
      <c r="S32" s="372">
        <v>1.7286400668477124</v>
      </c>
      <c r="T32" s="155">
        <v>322</v>
      </c>
      <c r="U32" s="375">
        <v>1.6816377689575934</v>
      </c>
      <c r="V32" s="155">
        <v>6261.60889470242</v>
      </c>
      <c r="W32" s="278">
        <v>8972.8209934395491</v>
      </c>
    </row>
    <row r="33" spans="1:23" ht="14.25" customHeight="1" thickBot="1">
      <c r="A33" s="163" t="s">
        <v>63</v>
      </c>
      <c r="B33" s="288">
        <v>230118</v>
      </c>
      <c r="C33" s="283">
        <v>87362</v>
      </c>
      <c r="D33" s="372">
        <v>37.964001077707962</v>
      </c>
      <c r="E33" s="165">
        <v>103455</v>
      </c>
      <c r="F33" s="372">
        <v>44.957369697285742</v>
      </c>
      <c r="G33" s="165">
        <v>23387</v>
      </c>
      <c r="H33" s="372">
        <v>10.163046784693071</v>
      </c>
      <c r="I33" s="165">
        <v>15914</v>
      </c>
      <c r="J33" s="373">
        <v>6.9155824403132309</v>
      </c>
      <c r="K33" s="283">
        <v>44761.330480451274</v>
      </c>
      <c r="L33" s="285">
        <v>12277.543616283414</v>
      </c>
      <c r="M33" s="378">
        <v>19775</v>
      </c>
      <c r="N33" s="283">
        <v>5009</v>
      </c>
      <c r="O33" s="379">
        <v>25.329962073324907</v>
      </c>
      <c r="P33" s="165">
        <v>12745</v>
      </c>
      <c r="Q33" s="379">
        <v>64.450063211125155</v>
      </c>
      <c r="R33" s="165">
        <v>388</v>
      </c>
      <c r="S33" s="379">
        <v>1.9620733249051832</v>
      </c>
      <c r="T33" s="165">
        <v>1633</v>
      </c>
      <c r="U33" s="380">
        <v>8.2579013906447543</v>
      </c>
      <c r="V33" s="165">
        <v>8472.5792630676951</v>
      </c>
      <c r="W33" s="285">
        <v>4100.145137880987</v>
      </c>
    </row>
    <row r="34" spans="1:23" ht="14.25" customHeight="1">
      <c r="A34" s="138" t="s">
        <v>65</v>
      </c>
      <c r="B34" s="327">
        <v>704621</v>
      </c>
      <c r="C34" s="326">
        <v>251361</v>
      </c>
      <c r="D34" s="359">
        <v>35.673220071499429</v>
      </c>
      <c r="E34" s="145">
        <v>415058</v>
      </c>
      <c r="F34" s="359">
        <v>58.905141913170347</v>
      </c>
      <c r="G34" s="145">
        <v>38202</v>
      </c>
      <c r="H34" s="359">
        <v>5.4216380153302275</v>
      </c>
      <c r="I34" s="168">
        <v>0</v>
      </c>
      <c r="J34" s="360">
        <v>0</v>
      </c>
      <c r="K34" s="365">
        <v>52013.06562338525</v>
      </c>
      <c r="L34" s="273">
        <v>64852.369995398061</v>
      </c>
      <c r="M34" s="361">
        <v>66597</v>
      </c>
      <c r="N34" s="196">
        <v>20499</v>
      </c>
      <c r="O34" s="381">
        <v>30.780665795756569</v>
      </c>
      <c r="P34" s="290">
        <v>46098</v>
      </c>
      <c r="Q34" s="381">
        <v>69.219334204243438</v>
      </c>
      <c r="R34" s="143">
        <v>0</v>
      </c>
      <c r="S34" s="381">
        <v>0</v>
      </c>
      <c r="T34" s="143">
        <v>0</v>
      </c>
      <c r="U34" s="382">
        <v>0</v>
      </c>
      <c r="V34" s="143">
        <v>7460.1769911504425</v>
      </c>
      <c r="W34" s="273">
        <v>11774.575671852899</v>
      </c>
    </row>
    <row r="35" spans="1:23" ht="14.25" customHeight="1">
      <c r="A35" s="149" t="s">
        <v>67</v>
      </c>
      <c r="B35" s="281">
        <v>180697</v>
      </c>
      <c r="C35" s="215">
        <v>50479</v>
      </c>
      <c r="D35" s="372">
        <v>27.935715590186888</v>
      </c>
      <c r="E35" s="155">
        <v>106228</v>
      </c>
      <c r="F35" s="372">
        <v>58.787915682053381</v>
      </c>
      <c r="G35" s="155">
        <v>20259</v>
      </c>
      <c r="H35" s="372">
        <v>11.211586246589594</v>
      </c>
      <c r="I35" s="155">
        <v>3731</v>
      </c>
      <c r="J35" s="373">
        <v>2.0647824811701359</v>
      </c>
      <c r="K35" s="215">
        <v>67752.905886764158</v>
      </c>
      <c r="L35" s="278">
        <v>29205.91562954582</v>
      </c>
      <c r="M35" s="374">
        <v>17031</v>
      </c>
      <c r="N35" s="215">
        <v>17031</v>
      </c>
      <c r="O35" s="372">
        <v>100</v>
      </c>
      <c r="P35" s="155">
        <v>0</v>
      </c>
      <c r="Q35" s="372">
        <v>0</v>
      </c>
      <c r="R35" s="155">
        <v>0</v>
      </c>
      <c r="S35" s="372">
        <v>0</v>
      </c>
      <c r="T35" s="155">
        <v>0</v>
      </c>
      <c r="U35" s="375">
        <v>0</v>
      </c>
      <c r="V35" s="155">
        <v>4863.2210165619645</v>
      </c>
      <c r="W35" s="278">
        <v>3066.4386028087865</v>
      </c>
    </row>
    <row r="36" spans="1:23" ht="14.25" customHeight="1">
      <c r="A36" s="149" t="s">
        <v>69</v>
      </c>
      <c r="B36" s="281">
        <v>566803</v>
      </c>
      <c r="C36" s="215">
        <v>175964</v>
      </c>
      <c r="D36" s="372">
        <v>31.045001526103427</v>
      </c>
      <c r="E36" s="155">
        <v>278582</v>
      </c>
      <c r="F36" s="372">
        <v>49.149704571076725</v>
      </c>
      <c r="G36" s="155">
        <v>93586</v>
      </c>
      <c r="H36" s="372">
        <v>16.51120406913866</v>
      </c>
      <c r="I36" s="155">
        <v>18671</v>
      </c>
      <c r="J36" s="373">
        <v>3.2940898336811908</v>
      </c>
      <c r="K36" s="215">
        <v>48477.848101265823</v>
      </c>
      <c r="L36" s="278">
        <v>25640.233420790737</v>
      </c>
      <c r="M36" s="374">
        <v>50226</v>
      </c>
      <c r="N36" s="215">
        <v>29424</v>
      </c>
      <c r="O36" s="372">
        <v>58.583203918289328</v>
      </c>
      <c r="P36" s="155">
        <v>0</v>
      </c>
      <c r="Q36" s="372">
        <v>0</v>
      </c>
      <c r="R36" s="155">
        <v>20802</v>
      </c>
      <c r="S36" s="372">
        <v>41.416796081710665</v>
      </c>
      <c r="T36" s="155">
        <v>0</v>
      </c>
      <c r="U36" s="375">
        <v>0</v>
      </c>
      <c r="V36" s="155">
        <v>13220.84759147144</v>
      </c>
      <c r="W36" s="278">
        <v>18451.873622336516</v>
      </c>
    </row>
    <row r="37" spans="1:23" ht="14.25" customHeight="1">
      <c r="A37" s="149" t="s">
        <v>70</v>
      </c>
      <c r="B37" s="281">
        <v>614072</v>
      </c>
      <c r="C37" s="215">
        <v>223271</v>
      </c>
      <c r="D37" s="372">
        <v>36.35909144204588</v>
      </c>
      <c r="E37" s="155">
        <v>341403</v>
      </c>
      <c r="F37" s="372">
        <v>55.59657499446319</v>
      </c>
      <c r="G37" s="155">
        <v>40406</v>
      </c>
      <c r="H37" s="372">
        <v>6.5800101616748528</v>
      </c>
      <c r="I37" s="155">
        <v>8992</v>
      </c>
      <c r="J37" s="373">
        <v>1.4643234018160736</v>
      </c>
      <c r="K37" s="215">
        <v>54112.795206203737</v>
      </c>
      <c r="L37" s="278">
        <v>15671.098634681637</v>
      </c>
      <c r="M37" s="374">
        <v>84007</v>
      </c>
      <c r="N37" s="215">
        <v>37295</v>
      </c>
      <c r="O37" s="372">
        <v>44.395109931315247</v>
      </c>
      <c r="P37" s="155">
        <v>37999</v>
      </c>
      <c r="Q37" s="372">
        <v>45.23313533396027</v>
      </c>
      <c r="R37" s="155">
        <v>2029</v>
      </c>
      <c r="S37" s="372">
        <v>2.4152749175663932</v>
      </c>
      <c r="T37" s="155">
        <v>6684</v>
      </c>
      <c r="U37" s="375">
        <v>7.9564798171580939</v>
      </c>
      <c r="V37" s="365">
        <v>21468.694096601073</v>
      </c>
      <c r="W37" s="278">
        <v>19944.681861348527</v>
      </c>
    </row>
    <row r="38" spans="1:23" ht="14.25" customHeight="1" thickBot="1">
      <c r="A38" s="163" t="s">
        <v>72</v>
      </c>
      <c r="B38" s="288">
        <v>60683</v>
      </c>
      <c r="C38" s="283">
        <v>35348</v>
      </c>
      <c r="D38" s="372">
        <v>58.250251305967069</v>
      </c>
      <c r="E38" s="165">
        <v>21174</v>
      </c>
      <c r="F38" s="372">
        <v>34.892803585847766</v>
      </c>
      <c r="G38" s="165">
        <v>3215</v>
      </c>
      <c r="H38" s="372">
        <v>5.2980241583309988</v>
      </c>
      <c r="I38" s="155">
        <v>946</v>
      </c>
      <c r="J38" s="373">
        <v>1.5589209498541601</v>
      </c>
      <c r="K38" s="283">
        <v>67575.723830734962</v>
      </c>
      <c r="L38" s="273">
        <v>21158.647140864716</v>
      </c>
      <c r="M38" s="378">
        <v>5563</v>
      </c>
      <c r="N38" s="283">
        <v>4162</v>
      </c>
      <c r="O38" s="379">
        <v>74.81574689915513</v>
      </c>
      <c r="P38" s="165">
        <v>1401</v>
      </c>
      <c r="Q38" s="379">
        <v>25.184253100844867</v>
      </c>
      <c r="R38" s="165">
        <v>0</v>
      </c>
      <c r="S38" s="379">
        <v>0</v>
      </c>
      <c r="T38" s="165">
        <v>0</v>
      </c>
      <c r="U38" s="380">
        <v>0</v>
      </c>
      <c r="V38" s="283">
        <v>32917.159763313604</v>
      </c>
      <c r="W38" s="285">
        <v>27269.607843137255</v>
      </c>
    </row>
    <row r="39" spans="1:23" ht="14.25" customHeight="1" thickBot="1">
      <c r="A39" s="343" t="s">
        <v>239</v>
      </c>
      <c r="B39" s="332">
        <v>5372318</v>
      </c>
      <c r="C39" s="331">
        <v>2230951</v>
      </c>
      <c r="D39" s="381">
        <v>41.526786016762223</v>
      </c>
      <c r="E39" s="143">
        <v>2595152</v>
      </c>
      <c r="F39" s="381">
        <v>48.306001245644801</v>
      </c>
      <c r="G39" s="143">
        <v>344272</v>
      </c>
      <c r="H39" s="381">
        <v>6.4082580368474096</v>
      </c>
      <c r="I39" s="143">
        <v>201943</v>
      </c>
      <c r="J39" s="383">
        <v>3.7589547007455626</v>
      </c>
      <c r="K39" s="384">
        <v>55772.252559018336</v>
      </c>
      <c r="L39" s="291">
        <v>19034.910624125285</v>
      </c>
      <c r="M39" s="385">
        <v>664067</v>
      </c>
      <c r="N39" s="196">
        <v>226175</v>
      </c>
      <c r="O39" s="381">
        <v>34.059063317406228</v>
      </c>
      <c r="P39" s="290">
        <v>349840</v>
      </c>
      <c r="Q39" s="381">
        <v>52.681431241124763</v>
      </c>
      <c r="R39" s="143">
        <v>77389</v>
      </c>
      <c r="S39" s="381">
        <v>11.653793969584395</v>
      </c>
      <c r="T39" s="143">
        <v>10663</v>
      </c>
      <c r="U39" s="382">
        <v>1.6057114718846139</v>
      </c>
      <c r="V39" s="328">
        <v>13014.031787093109</v>
      </c>
      <c r="W39" s="271">
        <v>12160.617491942572</v>
      </c>
    </row>
    <row r="40" spans="1:23" ht="14.25" customHeight="1" thickTop="1" thickBot="1">
      <c r="A40" s="386" t="s">
        <v>240</v>
      </c>
      <c r="B40" s="387">
        <v>114278721</v>
      </c>
      <c r="C40" s="388">
        <v>56559501</v>
      </c>
      <c r="D40" s="389">
        <v>49.492591888563403</v>
      </c>
      <c r="E40" s="208">
        <v>47008668</v>
      </c>
      <c r="F40" s="389">
        <v>41.135101608286291</v>
      </c>
      <c r="G40" s="208">
        <v>10367055</v>
      </c>
      <c r="H40" s="389">
        <v>9.071728235390383</v>
      </c>
      <c r="I40" s="208">
        <v>343497</v>
      </c>
      <c r="J40" s="390">
        <v>0.30057826775992708</v>
      </c>
      <c r="K40" s="388">
        <v>48856.561123114952</v>
      </c>
      <c r="L40" s="391">
        <v>12385.661496342947</v>
      </c>
      <c r="M40" s="392">
        <v>5460252</v>
      </c>
      <c r="N40" s="210">
        <v>2961610</v>
      </c>
      <c r="O40" s="389">
        <v>54.239438033262935</v>
      </c>
      <c r="P40" s="206">
        <v>2323365</v>
      </c>
      <c r="Q40" s="389">
        <v>42.550508657842165</v>
      </c>
      <c r="R40" s="208">
        <v>157503</v>
      </c>
      <c r="S40" s="389">
        <v>2.8845371971843061</v>
      </c>
      <c r="T40" s="208">
        <v>17774</v>
      </c>
      <c r="U40" s="393">
        <v>0.32551611171059502</v>
      </c>
      <c r="V40" s="388">
        <v>18023.905329350215</v>
      </c>
      <c r="W40" s="391">
        <v>16055.220352140008</v>
      </c>
    </row>
    <row r="41" spans="1:23" ht="23.25" customHeight="1">
      <c r="A41" s="211" t="s">
        <v>268</v>
      </c>
      <c r="B41" s="327">
        <v>1825618</v>
      </c>
      <c r="C41" s="331">
        <v>0</v>
      </c>
      <c r="D41" s="359">
        <v>0</v>
      </c>
      <c r="E41" s="143">
        <v>1313540</v>
      </c>
      <c r="F41" s="359">
        <v>71.950429936602291</v>
      </c>
      <c r="G41" s="143">
        <v>512078</v>
      </c>
      <c r="H41" s="359">
        <v>28.049570063397709</v>
      </c>
      <c r="I41" s="143">
        <v>0</v>
      </c>
      <c r="J41" s="363">
        <v>0</v>
      </c>
      <c r="K41" s="365" t="s">
        <v>285</v>
      </c>
      <c r="L41" s="293">
        <v>6969.6037260441326</v>
      </c>
      <c r="M41" s="332">
        <v>0</v>
      </c>
      <c r="N41" s="196">
        <v>0</v>
      </c>
      <c r="O41" s="381" t="s">
        <v>269</v>
      </c>
      <c r="P41" s="290">
        <v>0</v>
      </c>
      <c r="Q41" s="381" t="s">
        <v>269</v>
      </c>
      <c r="R41" s="143">
        <v>0</v>
      </c>
      <c r="S41" s="381" t="s">
        <v>269</v>
      </c>
      <c r="T41" s="143">
        <v>0</v>
      </c>
      <c r="U41" s="382" t="s">
        <v>74</v>
      </c>
      <c r="V41" s="326" t="s">
        <v>278</v>
      </c>
      <c r="W41" s="293" t="s">
        <v>278</v>
      </c>
    </row>
    <row r="42" spans="1:23" ht="23.25" customHeight="1">
      <c r="A42" s="214" t="s">
        <v>205</v>
      </c>
      <c r="B42" s="153">
        <v>1188498</v>
      </c>
      <c r="C42" s="215">
        <v>0</v>
      </c>
      <c r="D42" s="372">
        <v>0</v>
      </c>
      <c r="E42" s="155">
        <v>1188498</v>
      </c>
      <c r="F42" s="372">
        <v>100</v>
      </c>
      <c r="G42" s="155">
        <v>0</v>
      </c>
      <c r="H42" s="372">
        <v>0</v>
      </c>
      <c r="I42" s="155">
        <v>0</v>
      </c>
      <c r="J42" s="375">
        <v>0</v>
      </c>
      <c r="K42" s="215" t="s">
        <v>285</v>
      </c>
      <c r="L42" s="278">
        <v>3339.002764479806</v>
      </c>
      <c r="M42" s="281">
        <v>119468</v>
      </c>
      <c r="N42" s="153">
        <v>0</v>
      </c>
      <c r="O42" s="372">
        <v>0</v>
      </c>
      <c r="P42" s="394">
        <v>119468</v>
      </c>
      <c r="Q42" s="372">
        <v>100</v>
      </c>
      <c r="R42" s="155">
        <v>0</v>
      </c>
      <c r="S42" s="372">
        <v>0</v>
      </c>
      <c r="T42" s="155">
        <v>0</v>
      </c>
      <c r="U42" s="375">
        <v>0</v>
      </c>
      <c r="V42" s="215">
        <v>0</v>
      </c>
      <c r="W42" s="278">
        <v>0</v>
      </c>
    </row>
    <row r="43" spans="1:23" ht="23.25" customHeight="1">
      <c r="A43" s="214" t="s">
        <v>114</v>
      </c>
      <c r="B43" s="153">
        <v>0</v>
      </c>
      <c r="C43" s="215">
        <v>0</v>
      </c>
      <c r="D43" s="372" t="s">
        <v>286</v>
      </c>
      <c r="E43" s="155">
        <v>0</v>
      </c>
      <c r="F43" s="372" t="s">
        <v>285</v>
      </c>
      <c r="G43" s="155">
        <v>0</v>
      </c>
      <c r="H43" s="372" t="s">
        <v>270</v>
      </c>
      <c r="I43" s="155">
        <v>0</v>
      </c>
      <c r="J43" s="375" t="s">
        <v>270</v>
      </c>
      <c r="K43" s="215" t="s">
        <v>285</v>
      </c>
      <c r="L43" s="278" t="s">
        <v>270</v>
      </c>
      <c r="M43" s="281">
        <v>118728</v>
      </c>
      <c r="N43" s="153">
        <v>0</v>
      </c>
      <c r="O43" s="372">
        <v>0</v>
      </c>
      <c r="P43" s="394">
        <v>115221</v>
      </c>
      <c r="Q43" s="372">
        <v>97.04618960986457</v>
      </c>
      <c r="R43" s="155">
        <v>3507</v>
      </c>
      <c r="S43" s="372">
        <v>2.9538103901354353</v>
      </c>
      <c r="T43" s="155">
        <v>0</v>
      </c>
      <c r="U43" s="375">
        <v>0</v>
      </c>
      <c r="V43" s="215">
        <v>0</v>
      </c>
      <c r="W43" s="278">
        <v>0</v>
      </c>
    </row>
    <row r="44" spans="1:23" ht="23.25" customHeight="1">
      <c r="A44" s="216" t="s">
        <v>271</v>
      </c>
      <c r="B44" s="153">
        <v>1340000</v>
      </c>
      <c r="C44" s="215">
        <v>0</v>
      </c>
      <c r="D44" s="372">
        <v>0</v>
      </c>
      <c r="E44" s="155">
        <v>1230462</v>
      </c>
      <c r="F44" s="372">
        <v>91.825522388059696</v>
      </c>
      <c r="G44" s="155">
        <v>109538</v>
      </c>
      <c r="H44" s="372">
        <v>8.1744776119402971</v>
      </c>
      <c r="I44" s="155">
        <v>0</v>
      </c>
      <c r="J44" s="375">
        <v>0</v>
      </c>
      <c r="K44" s="215" t="s">
        <v>285</v>
      </c>
      <c r="L44" s="278">
        <v>47361.538189658218</v>
      </c>
      <c r="M44" s="281">
        <v>0</v>
      </c>
      <c r="N44" s="153">
        <v>0</v>
      </c>
      <c r="O44" s="372" t="s">
        <v>269</v>
      </c>
      <c r="P44" s="394">
        <v>0</v>
      </c>
      <c r="Q44" s="372" t="s">
        <v>269</v>
      </c>
      <c r="R44" s="155">
        <v>0</v>
      </c>
      <c r="S44" s="372" t="s">
        <v>269</v>
      </c>
      <c r="T44" s="155">
        <v>0</v>
      </c>
      <c r="U44" s="375" t="s">
        <v>74</v>
      </c>
      <c r="V44" s="215" t="s">
        <v>278</v>
      </c>
      <c r="W44" s="278" t="s">
        <v>278</v>
      </c>
    </row>
    <row r="45" spans="1:23" ht="23.25" customHeight="1">
      <c r="A45" s="214" t="s">
        <v>125</v>
      </c>
      <c r="B45" s="153">
        <v>308234</v>
      </c>
      <c r="C45" s="215">
        <v>0</v>
      </c>
      <c r="D45" s="372">
        <v>0</v>
      </c>
      <c r="E45" s="155">
        <v>302635</v>
      </c>
      <c r="F45" s="372">
        <v>98.183522907920604</v>
      </c>
      <c r="G45" s="155">
        <v>5599</v>
      </c>
      <c r="H45" s="366">
        <v>1.8164770920793942</v>
      </c>
      <c r="I45" s="155">
        <v>0</v>
      </c>
      <c r="J45" s="375">
        <v>0</v>
      </c>
      <c r="K45" s="215" t="s">
        <v>285</v>
      </c>
      <c r="L45" s="278">
        <v>8458.2075627023769</v>
      </c>
      <c r="M45" s="281">
        <v>0</v>
      </c>
      <c r="N45" s="153">
        <v>0</v>
      </c>
      <c r="O45" s="372" t="s">
        <v>270</v>
      </c>
      <c r="P45" s="394">
        <v>0</v>
      </c>
      <c r="Q45" s="372" t="s">
        <v>270</v>
      </c>
      <c r="R45" s="155">
        <v>0</v>
      </c>
      <c r="S45" s="372" t="s">
        <v>270</v>
      </c>
      <c r="T45" s="155">
        <v>0</v>
      </c>
      <c r="U45" s="375" t="s">
        <v>270</v>
      </c>
      <c r="V45" s="215" t="s">
        <v>278</v>
      </c>
      <c r="W45" s="278" t="s">
        <v>278</v>
      </c>
    </row>
    <row r="46" spans="1:23" ht="23.25" customHeight="1">
      <c r="A46" s="214" t="s">
        <v>131</v>
      </c>
      <c r="B46" s="153">
        <v>215443</v>
      </c>
      <c r="C46" s="215">
        <v>0</v>
      </c>
      <c r="D46" s="366">
        <v>0</v>
      </c>
      <c r="E46" s="155">
        <v>178988</v>
      </c>
      <c r="F46" s="372">
        <v>83.079051071513106</v>
      </c>
      <c r="G46" s="155">
        <v>36455</v>
      </c>
      <c r="H46" s="372">
        <v>16.920948928486883</v>
      </c>
      <c r="I46" s="155">
        <v>0</v>
      </c>
      <c r="J46" s="375">
        <v>0</v>
      </c>
      <c r="K46" s="215" t="s">
        <v>285</v>
      </c>
      <c r="L46" s="278">
        <v>7739.7255352780576</v>
      </c>
      <c r="M46" s="281">
        <v>0</v>
      </c>
      <c r="N46" s="153">
        <v>0</v>
      </c>
      <c r="O46" s="372" t="s">
        <v>272</v>
      </c>
      <c r="P46" s="394">
        <v>0</v>
      </c>
      <c r="Q46" s="372" t="s">
        <v>272</v>
      </c>
      <c r="R46" s="155">
        <v>0</v>
      </c>
      <c r="S46" s="372" t="s">
        <v>272</v>
      </c>
      <c r="T46" s="155">
        <v>0</v>
      </c>
      <c r="U46" s="375" t="s">
        <v>74</v>
      </c>
      <c r="V46" s="215" t="s">
        <v>278</v>
      </c>
      <c r="W46" s="278" t="s">
        <v>278</v>
      </c>
    </row>
    <row r="47" spans="1:23" ht="23.25" customHeight="1" thickBot="1">
      <c r="A47" s="216" t="s">
        <v>207</v>
      </c>
      <c r="B47" s="395">
        <v>117487</v>
      </c>
      <c r="C47" s="283">
        <v>0</v>
      </c>
      <c r="D47" s="372">
        <v>0</v>
      </c>
      <c r="E47" s="165">
        <v>117487</v>
      </c>
      <c r="F47" s="372">
        <v>100</v>
      </c>
      <c r="G47" s="165">
        <v>0</v>
      </c>
      <c r="H47" s="372">
        <v>0</v>
      </c>
      <c r="I47" s="165">
        <v>0</v>
      </c>
      <c r="J47" s="375">
        <v>0</v>
      </c>
      <c r="K47" s="396" t="s">
        <v>285</v>
      </c>
      <c r="L47" s="278" t="s">
        <v>46</v>
      </c>
      <c r="M47" s="288">
        <v>0</v>
      </c>
      <c r="N47" s="377">
        <v>0</v>
      </c>
      <c r="O47" s="379" t="s">
        <v>278</v>
      </c>
      <c r="P47" s="397">
        <v>0</v>
      </c>
      <c r="Q47" s="379" t="s">
        <v>278</v>
      </c>
      <c r="R47" s="165">
        <v>0</v>
      </c>
      <c r="S47" s="379" t="s">
        <v>278</v>
      </c>
      <c r="T47" s="165">
        <v>0</v>
      </c>
      <c r="U47" s="380" t="s">
        <v>278</v>
      </c>
      <c r="V47" s="396" t="s">
        <v>278</v>
      </c>
      <c r="W47" s="285" t="s">
        <v>278</v>
      </c>
    </row>
    <row r="48" spans="1:23" ht="14.25" customHeight="1" thickBot="1">
      <c r="A48" s="313" t="s">
        <v>242</v>
      </c>
      <c r="B48" s="398">
        <v>4995280</v>
      </c>
      <c r="C48" s="329">
        <v>0</v>
      </c>
      <c r="D48" s="399">
        <v>0</v>
      </c>
      <c r="E48" s="218">
        <v>4331610</v>
      </c>
      <c r="F48" s="399">
        <v>86.714058070818851</v>
      </c>
      <c r="G48" s="218">
        <v>663670</v>
      </c>
      <c r="H48" s="399">
        <v>13.285941929181147</v>
      </c>
      <c r="I48" s="165">
        <v>0</v>
      </c>
      <c r="J48" s="400">
        <v>0</v>
      </c>
      <c r="K48" s="329" t="s">
        <v>285</v>
      </c>
      <c r="L48" s="318" t="e">
        <v>#REF!</v>
      </c>
      <c r="M48" s="401">
        <v>238196</v>
      </c>
      <c r="N48" s="190">
        <v>0</v>
      </c>
      <c r="O48" s="402">
        <v>0</v>
      </c>
      <c r="P48" s="218">
        <v>234689</v>
      </c>
      <c r="Q48" s="403">
        <v>98.527683084518642</v>
      </c>
      <c r="R48" s="218">
        <v>3507</v>
      </c>
      <c r="S48" s="403">
        <v>1.4723169154813682</v>
      </c>
      <c r="T48" s="218">
        <v>0</v>
      </c>
      <c r="U48" s="404">
        <v>0</v>
      </c>
      <c r="V48" s="329" t="s">
        <v>273</v>
      </c>
      <c r="W48" s="318" t="s">
        <v>273</v>
      </c>
    </row>
    <row r="49" spans="1:23" ht="14.25" customHeight="1">
      <c r="A49" s="347" t="s">
        <v>274</v>
      </c>
      <c r="B49" s="332">
        <v>119274001</v>
      </c>
      <c r="C49" s="384">
        <v>56559501</v>
      </c>
      <c r="D49" s="369">
        <v>47.419806936802601</v>
      </c>
      <c r="E49" s="193">
        <v>51340278</v>
      </c>
      <c r="F49" s="369">
        <v>43.043980724684502</v>
      </c>
      <c r="G49" s="270">
        <v>11030725</v>
      </c>
      <c r="H49" s="369">
        <v>9.2482225024043583</v>
      </c>
      <c r="I49" s="270">
        <v>343497</v>
      </c>
      <c r="J49" s="370">
        <v>0.2879898361085414</v>
      </c>
      <c r="K49" s="384"/>
      <c r="L49" s="271"/>
      <c r="M49" s="385">
        <v>5698448</v>
      </c>
      <c r="N49" s="196">
        <v>2961610</v>
      </c>
      <c r="O49" s="383">
        <v>51.97222120830093</v>
      </c>
      <c r="P49" s="143">
        <v>2558054</v>
      </c>
      <c r="Q49" s="381">
        <v>44.890363130452357</v>
      </c>
      <c r="R49" s="290">
        <v>161010</v>
      </c>
      <c r="S49" s="381">
        <v>2.8255061729088338</v>
      </c>
      <c r="T49" s="143">
        <v>17774</v>
      </c>
      <c r="U49" s="382">
        <v>0.31190948833787729</v>
      </c>
      <c r="V49" s="384"/>
      <c r="W49" s="271"/>
    </row>
    <row r="50" spans="1:23" ht="14.25" customHeight="1" thickBot="1">
      <c r="A50" s="405" t="s">
        <v>275</v>
      </c>
      <c r="B50" s="406">
        <v>2934070</v>
      </c>
      <c r="C50" s="240">
        <v>0</v>
      </c>
      <c r="D50" s="237">
        <v>0</v>
      </c>
      <c r="E50" s="233">
        <v>2413477</v>
      </c>
      <c r="F50" s="237">
        <v>82.256967284352456</v>
      </c>
      <c r="G50" s="233">
        <v>504506</v>
      </c>
      <c r="H50" s="237">
        <v>17.194749954840887</v>
      </c>
      <c r="I50" s="407">
        <v>16087</v>
      </c>
      <c r="J50" s="408">
        <v>0.54828276080666105</v>
      </c>
      <c r="K50" s="240"/>
      <c r="L50" s="409"/>
      <c r="M50" s="410">
        <v>207250</v>
      </c>
      <c r="N50" s="406">
        <v>0</v>
      </c>
      <c r="O50" s="411"/>
      <c r="P50" s="439">
        <v>202391</v>
      </c>
      <c r="Q50" s="411"/>
      <c r="R50" s="233">
        <v>1042</v>
      </c>
      <c r="S50" s="412"/>
      <c r="T50" s="439">
        <v>3817</v>
      </c>
      <c r="U50" s="412"/>
      <c r="V50" s="240"/>
      <c r="W50" s="409"/>
    </row>
    <row r="51" spans="1:23" ht="14.25" customHeight="1" thickTop="1" thickBot="1">
      <c r="A51" s="241" t="s">
        <v>211</v>
      </c>
      <c r="B51" s="413">
        <v>116339931</v>
      </c>
      <c r="C51" s="314">
        <v>56559501</v>
      </c>
      <c r="D51" s="379">
        <v>48.615725068635292</v>
      </c>
      <c r="E51" s="314">
        <v>48926801</v>
      </c>
      <c r="F51" s="379">
        <v>42.055036976083478</v>
      </c>
      <c r="G51" s="314">
        <v>10526219</v>
      </c>
      <c r="H51" s="379">
        <v>9.047812655140735</v>
      </c>
      <c r="I51" s="314">
        <v>327410</v>
      </c>
      <c r="J51" s="379">
        <v>0.28142530014049949</v>
      </c>
      <c r="K51" s="396">
        <v>49737.771828584569</v>
      </c>
      <c r="L51" s="391">
        <v>12609.057847907619</v>
      </c>
      <c r="M51" s="413">
        <v>5491198</v>
      </c>
      <c r="N51" s="314">
        <v>2961610</v>
      </c>
      <c r="O51" s="414">
        <v>53.933768186832822</v>
      </c>
      <c r="P51" s="315">
        <v>2355663</v>
      </c>
      <c r="Q51" s="414">
        <v>42.898890187532842</v>
      </c>
      <c r="R51" s="315">
        <v>159968</v>
      </c>
      <c r="S51" s="414">
        <v>2.9131712242028063</v>
      </c>
      <c r="T51" s="315">
        <v>13957</v>
      </c>
      <c r="U51" s="414">
        <v>0.25417040143152736</v>
      </c>
      <c r="V51" s="388">
        <v>18126.055884731551</v>
      </c>
      <c r="W51" s="391">
        <v>16146.213377556664</v>
      </c>
    </row>
    <row r="52" spans="1:23" ht="15.95" customHeight="1">
      <c r="A52" s="437" t="s">
        <v>276</v>
      </c>
      <c r="B52" s="160"/>
      <c r="L52" s="437" t="s">
        <v>277</v>
      </c>
      <c r="M52" s="160"/>
      <c r="N52" s="438"/>
      <c r="O52" s="438"/>
      <c r="P52" s="438"/>
      <c r="Q52" s="438"/>
      <c r="R52" s="438"/>
      <c r="S52" s="438"/>
      <c r="T52" s="438"/>
      <c r="U52" s="438"/>
    </row>
    <row r="53" spans="1:23" ht="15.95" customHeight="1">
      <c r="A53" s="437" t="s">
        <v>282</v>
      </c>
      <c r="L53" s="437" t="s">
        <v>283</v>
      </c>
    </row>
    <row r="54" spans="1:23" ht="12" customHeight="1">
      <c r="A54" s="160"/>
    </row>
    <row r="56" spans="1:23" ht="16.5" customHeight="1">
      <c r="D56" s="263"/>
      <c r="O56" s="263"/>
    </row>
    <row r="57" spans="1:23" ht="16.5" customHeight="1">
      <c r="D57" s="263"/>
      <c r="O57" s="263"/>
    </row>
  </sheetData>
  <mergeCells count="5">
    <mergeCell ref="A2:A4"/>
    <mergeCell ref="C2:H2"/>
    <mergeCell ref="N2:S2"/>
    <mergeCell ref="D3:I3"/>
    <mergeCell ref="O3:T3"/>
  </mergeCells>
  <phoneticPr fontId="5"/>
  <conditionalFormatting sqref="A1:L1 N1:XFD1 A2:XFD1048576">
    <cfRule type="cellIs" dxfId="1" priority="8" stopIfTrue="1" operator="equal">
      <formula>0</formula>
    </cfRule>
  </conditionalFormatting>
  <printOptions horizontalCentered="1"/>
  <pageMargins left="0.59055118110236227" right="0.59055118110236227" top="0.74803149606299213" bottom="0.47244094488188981" header="0.51181102362204722" footer="0.27559055118110237"/>
  <pageSetup paperSize="9" scale="94" fitToWidth="2" orientation="portrait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701C8A-8AF4-40DF-9A15-662B1E964FF7}">
  <sheetPr>
    <pageSetUpPr fitToPage="1"/>
  </sheetPr>
  <dimension ref="A1:X54"/>
  <sheetViews>
    <sheetView zoomScaleNormal="100" zoomScaleSheetLayoutView="100" workbookViewId="0">
      <pane ySplit="7" topLeftCell="A8" activePane="bottomLeft" state="frozen"/>
      <selection activeCell="AF12" sqref="AF12"/>
      <selection pane="bottomLeft" activeCell="O58" sqref="O58"/>
    </sheetView>
  </sheetViews>
  <sheetFormatPr defaultColWidth="9" defaultRowHeight="16.5" customHeight="1"/>
  <cols>
    <col min="1" max="1" width="2.125" style="578" customWidth="1"/>
    <col min="2" max="2" width="14.125" style="578" customWidth="1"/>
    <col min="3" max="3" width="2.125" style="578" customWidth="1"/>
    <col min="4" max="17" width="7.375" style="581" customWidth="1"/>
    <col min="18" max="24" width="8.875" style="581" customWidth="1"/>
    <col min="25" max="16384" width="9" style="581"/>
  </cols>
  <sheetData>
    <row r="1" spans="1:24" ht="16.5" customHeight="1">
      <c r="A1" s="577" t="s">
        <v>291</v>
      </c>
      <c r="C1" s="579"/>
      <c r="D1" s="580"/>
      <c r="E1" s="580"/>
      <c r="F1" s="580"/>
    </row>
    <row r="2" spans="1:24" ht="5.25" hidden="1" customHeight="1">
      <c r="A2" s="580"/>
      <c r="B2" s="580"/>
      <c r="C2" s="580"/>
      <c r="D2" s="580"/>
      <c r="E2" s="580"/>
      <c r="F2" s="580"/>
      <c r="W2" s="582"/>
      <c r="X2" s="582"/>
    </row>
    <row r="3" spans="1:24" s="584" customFormat="1" ht="16.5" customHeight="1" thickBot="1">
      <c r="A3" s="583" t="s">
        <v>292</v>
      </c>
      <c r="C3" s="585"/>
      <c r="W3" s="586" t="s">
        <v>293</v>
      </c>
      <c r="X3" s="586"/>
    </row>
    <row r="4" spans="1:24" s="593" customFormat="1" ht="12.95" customHeight="1">
      <c r="A4" s="587" t="s">
        <v>294</v>
      </c>
      <c r="B4" s="588"/>
      <c r="C4" s="589"/>
      <c r="D4" s="590"/>
      <c r="E4" s="591" t="s">
        <v>189</v>
      </c>
      <c r="F4" s="591"/>
      <c r="G4" s="591"/>
      <c r="H4" s="591"/>
      <c r="I4" s="591"/>
      <c r="J4" s="592"/>
      <c r="K4" s="590"/>
      <c r="L4" s="591" t="s">
        <v>295</v>
      </c>
      <c r="M4" s="591"/>
      <c r="N4" s="591"/>
      <c r="O4" s="591"/>
      <c r="P4" s="591"/>
      <c r="Q4" s="592"/>
      <c r="R4" s="590"/>
      <c r="S4" s="591" t="s">
        <v>96</v>
      </c>
      <c r="T4" s="591"/>
      <c r="U4" s="591"/>
      <c r="V4" s="591"/>
      <c r="W4" s="591"/>
      <c r="X4" s="592"/>
    </row>
    <row r="5" spans="1:24" s="593" customFormat="1" ht="12.95" customHeight="1">
      <c r="A5" s="594"/>
      <c r="B5" s="595"/>
      <c r="C5" s="596"/>
      <c r="D5" s="597" t="s">
        <v>296</v>
      </c>
      <c r="E5" s="598"/>
      <c r="F5" s="599" t="s">
        <v>297</v>
      </c>
      <c r="G5" s="600"/>
      <c r="H5" s="600"/>
      <c r="I5" s="598"/>
      <c r="J5" s="601"/>
      <c r="K5" s="597" t="s">
        <v>296</v>
      </c>
      <c r="L5" s="598"/>
      <c r="M5" s="599" t="s">
        <v>297</v>
      </c>
      <c r="N5" s="600"/>
      <c r="O5" s="600"/>
      <c r="P5" s="598"/>
      <c r="Q5" s="602"/>
      <c r="R5" s="597" t="s">
        <v>296</v>
      </c>
      <c r="S5" s="598"/>
      <c r="T5" s="599" t="s">
        <v>297</v>
      </c>
      <c r="U5" s="600"/>
      <c r="V5" s="600"/>
      <c r="W5" s="598"/>
      <c r="X5" s="602"/>
    </row>
    <row r="6" spans="1:24" s="593" customFormat="1" ht="12.95" customHeight="1">
      <c r="A6" s="594"/>
      <c r="B6" s="595"/>
      <c r="C6" s="596"/>
      <c r="D6" s="603" t="s">
        <v>298</v>
      </c>
      <c r="E6" s="604" t="s">
        <v>299</v>
      </c>
      <c r="F6" s="605" t="s">
        <v>300</v>
      </c>
      <c r="G6" s="606" t="s">
        <v>301</v>
      </c>
      <c r="H6" s="606" t="s">
        <v>302</v>
      </c>
      <c r="I6" s="607" t="s">
        <v>303</v>
      </c>
      <c r="J6" s="608" t="s">
        <v>304</v>
      </c>
      <c r="K6" s="609" t="s">
        <v>298</v>
      </c>
      <c r="L6" s="604" t="s">
        <v>299</v>
      </c>
      <c r="M6" s="606" t="s">
        <v>300</v>
      </c>
      <c r="N6" s="606" t="s">
        <v>301</v>
      </c>
      <c r="O6" s="606" t="s">
        <v>302</v>
      </c>
      <c r="P6" s="607" t="s">
        <v>303</v>
      </c>
      <c r="Q6" s="610" t="s">
        <v>304</v>
      </c>
      <c r="R6" s="603" t="s">
        <v>298</v>
      </c>
      <c r="S6" s="604" t="s">
        <v>299</v>
      </c>
      <c r="T6" s="605" t="s">
        <v>300</v>
      </c>
      <c r="U6" s="606" t="s">
        <v>301</v>
      </c>
      <c r="V6" s="606" t="s">
        <v>302</v>
      </c>
      <c r="W6" s="607" t="s">
        <v>303</v>
      </c>
      <c r="X6" s="610" t="s">
        <v>305</v>
      </c>
    </row>
    <row r="7" spans="1:24" s="593" customFormat="1" ht="12.95" customHeight="1" thickBot="1">
      <c r="A7" s="611"/>
      <c r="B7" s="612"/>
      <c r="C7" s="613"/>
      <c r="D7" s="614"/>
      <c r="E7" s="615"/>
      <c r="F7" s="616" t="s">
        <v>306</v>
      </c>
      <c r="G7" s="617" t="s">
        <v>307</v>
      </c>
      <c r="H7" s="617" t="s">
        <v>308</v>
      </c>
      <c r="I7" s="618"/>
      <c r="J7" s="616"/>
      <c r="K7" s="619"/>
      <c r="L7" s="615"/>
      <c r="M7" s="617" t="s">
        <v>306</v>
      </c>
      <c r="N7" s="617" t="s">
        <v>307</v>
      </c>
      <c r="O7" s="617" t="s">
        <v>308</v>
      </c>
      <c r="P7" s="618"/>
      <c r="Q7" s="620"/>
      <c r="R7" s="614"/>
      <c r="S7" s="615"/>
      <c r="T7" s="616" t="s">
        <v>306</v>
      </c>
      <c r="U7" s="617" t="s">
        <v>307</v>
      </c>
      <c r="V7" s="617" t="s">
        <v>308</v>
      </c>
      <c r="W7" s="618"/>
      <c r="X7" s="620"/>
    </row>
    <row r="8" spans="1:24" ht="14.25" customHeight="1">
      <c r="A8" s="622" t="s">
        <v>7</v>
      </c>
      <c r="B8" s="591"/>
      <c r="C8" s="623"/>
      <c r="D8" s="624">
        <v>444</v>
      </c>
      <c r="E8" s="625">
        <v>207</v>
      </c>
      <c r="F8" s="626">
        <v>1121</v>
      </c>
      <c r="G8" s="627">
        <v>119</v>
      </c>
      <c r="H8" s="625">
        <v>3</v>
      </c>
      <c r="I8" s="625">
        <v>0</v>
      </c>
      <c r="J8" s="628">
        <v>1894</v>
      </c>
      <c r="K8" s="629">
        <v>9</v>
      </c>
      <c r="L8" s="625">
        <v>0</v>
      </c>
      <c r="M8" s="625">
        <v>52</v>
      </c>
      <c r="N8" s="627">
        <v>0</v>
      </c>
      <c r="O8" s="625">
        <v>0</v>
      </c>
      <c r="P8" s="625">
        <v>0</v>
      </c>
      <c r="Q8" s="628">
        <v>61</v>
      </c>
      <c r="R8" s="630">
        <v>453</v>
      </c>
      <c r="S8" s="631">
        <v>207</v>
      </c>
      <c r="T8" s="621">
        <v>1173</v>
      </c>
      <c r="U8" s="632">
        <v>119</v>
      </c>
      <c r="V8" s="631">
        <v>3</v>
      </c>
      <c r="W8" s="631">
        <v>0</v>
      </c>
      <c r="X8" s="628">
        <v>1955</v>
      </c>
    </row>
    <row r="9" spans="1:24" ht="14.25" customHeight="1">
      <c r="A9" s="633" t="s">
        <v>11</v>
      </c>
      <c r="B9" s="634"/>
      <c r="C9" s="635"/>
      <c r="D9" s="636">
        <v>137</v>
      </c>
      <c r="E9" s="637">
        <v>137</v>
      </c>
      <c r="F9" s="638">
        <v>454</v>
      </c>
      <c r="G9" s="639">
        <v>109</v>
      </c>
      <c r="H9" s="637">
        <v>6</v>
      </c>
      <c r="I9" s="637">
        <v>0</v>
      </c>
      <c r="J9" s="640">
        <v>843</v>
      </c>
      <c r="K9" s="641">
        <v>3</v>
      </c>
      <c r="L9" s="637">
        <v>9</v>
      </c>
      <c r="M9" s="637">
        <v>64</v>
      </c>
      <c r="N9" s="639">
        <v>3</v>
      </c>
      <c r="O9" s="637">
        <v>0</v>
      </c>
      <c r="P9" s="637">
        <v>0</v>
      </c>
      <c r="Q9" s="640">
        <v>79</v>
      </c>
      <c r="R9" s="642">
        <v>140</v>
      </c>
      <c r="S9" s="643">
        <v>146</v>
      </c>
      <c r="T9" s="644">
        <v>518</v>
      </c>
      <c r="U9" s="645">
        <v>112</v>
      </c>
      <c r="V9" s="643">
        <v>6</v>
      </c>
      <c r="W9" s="643">
        <v>0</v>
      </c>
      <c r="X9" s="640">
        <v>922</v>
      </c>
    </row>
    <row r="10" spans="1:24" ht="14.25" customHeight="1">
      <c r="A10" s="633" t="s">
        <v>13</v>
      </c>
      <c r="B10" s="634"/>
      <c r="C10" s="635"/>
      <c r="D10" s="636">
        <v>83</v>
      </c>
      <c r="E10" s="646">
        <v>31</v>
      </c>
      <c r="F10" s="647">
        <v>98</v>
      </c>
      <c r="G10" s="639">
        <v>48</v>
      </c>
      <c r="H10" s="646">
        <v>4</v>
      </c>
      <c r="I10" s="646">
        <v>0</v>
      </c>
      <c r="J10" s="648">
        <v>264</v>
      </c>
      <c r="K10" s="641">
        <v>11</v>
      </c>
      <c r="L10" s="646">
        <v>7</v>
      </c>
      <c r="M10" s="646">
        <v>14</v>
      </c>
      <c r="N10" s="639">
        <v>3</v>
      </c>
      <c r="O10" s="646">
        <v>0</v>
      </c>
      <c r="P10" s="646">
        <v>0</v>
      </c>
      <c r="Q10" s="648">
        <v>35</v>
      </c>
      <c r="R10" s="642">
        <v>94</v>
      </c>
      <c r="S10" s="649">
        <v>38</v>
      </c>
      <c r="T10" s="650">
        <v>112</v>
      </c>
      <c r="U10" s="645">
        <v>51</v>
      </c>
      <c r="V10" s="649">
        <v>4</v>
      </c>
      <c r="W10" s="649">
        <v>0</v>
      </c>
      <c r="X10" s="648">
        <v>299</v>
      </c>
    </row>
    <row r="11" spans="1:24" ht="14.25" customHeight="1">
      <c r="A11" s="633" t="s">
        <v>15</v>
      </c>
      <c r="B11" s="634"/>
      <c r="C11" s="635"/>
      <c r="D11" s="636">
        <v>31</v>
      </c>
      <c r="E11" s="637">
        <v>15</v>
      </c>
      <c r="F11" s="638">
        <v>120</v>
      </c>
      <c r="G11" s="639">
        <v>38</v>
      </c>
      <c r="H11" s="637">
        <v>0</v>
      </c>
      <c r="I11" s="637">
        <v>0</v>
      </c>
      <c r="J11" s="640">
        <v>204</v>
      </c>
      <c r="K11" s="641">
        <v>4</v>
      </c>
      <c r="L11" s="637">
        <v>1</v>
      </c>
      <c r="M11" s="637">
        <v>0</v>
      </c>
      <c r="N11" s="639">
        <v>0</v>
      </c>
      <c r="O11" s="637">
        <v>0</v>
      </c>
      <c r="P11" s="637">
        <v>0</v>
      </c>
      <c r="Q11" s="640">
        <v>5</v>
      </c>
      <c r="R11" s="642">
        <v>35</v>
      </c>
      <c r="S11" s="643">
        <v>16</v>
      </c>
      <c r="T11" s="644">
        <v>120</v>
      </c>
      <c r="U11" s="645">
        <v>38</v>
      </c>
      <c r="V11" s="643">
        <v>0</v>
      </c>
      <c r="W11" s="643">
        <v>0</v>
      </c>
      <c r="X11" s="640">
        <v>209</v>
      </c>
    </row>
    <row r="12" spans="1:24" ht="14.25" customHeight="1" thickBot="1">
      <c r="A12" s="651" t="s">
        <v>17</v>
      </c>
      <c r="B12" s="652"/>
      <c r="C12" s="653"/>
      <c r="D12" s="654">
        <v>24</v>
      </c>
      <c r="E12" s="655">
        <v>2</v>
      </c>
      <c r="F12" s="656">
        <v>98</v>
      </c>
      <c r="G12" s="657">
        <v>0</v>
      </c>
      <c r="H12" s="655">
        <v>3</v>
      </c>
      <c r="I12" s="655">
        <v>0</v>
      </c>
      <c r="J12" s="658">
        <v>127</v>
      </c>
      <c r="K12" s="659">
        <v>0</v>
      </c>
      <c r="L12" s="655">
        <v>0</v>
      </c>
      <c r="M12" s="655">
        <v>0</v>
      </c>
      <c r="N12" s="657">
        <v>0</v>
      </c>
      <c r="O12" s="655">
        <v>0</v>
      </c>
      <c r="P12" s="655">
        <v>0</v>
      </c>
      <c r="Q12" s="658">
        <v>0</v>
      </c>
      <c r="R12" s="660">
        <v>24</v>
      </c>
      <c r="S12" s="661">
        <v>2</v>
      </c>
      <c r="T12" s="662">
        <v>98</v>
      </c>
      <c r="U12" s="663">
        <v>0</v>
      </c>
      <c r="V12" s="661">
        <v>3</v>
      </c>
      <c r="W12" s="661">
        <v>0</v>
      </c>
      <c r="X12" s="658">
        <v>127</v>
      </c>
    </row>
    <row r="13" spans="1:24" ht="14.25" customHeight="1">
      <c r="A13" s="622" t="s">
        <v>19</v>
      </c>
      <c r="B13" s="591"/>
      <c r="C13" s="623"/>
      <c r="D13" s="664">
        <v>31</v>
      </c>
      <c r="E13" s="646">
        <v>5</v>
      </c>
      <c r="F13" s="647">
        <v>24</v>
      </c>
      <c r="G13" s="665">
        <v>33</v>
      </c>
      <c r="H13" s="646">
        <v>0</v>
      </c>
      <c r="I13" s="646">
        <v>0</v>
      </c>
      <c r="J13" s="648">
        <v>93</v>
      </c>
      <c r="K13" s="666">
        <v>3</v>
      </c>
      <c r="L13" s="646">
        <v>0</v>
      </c>
      <c r="M13" s="646">
        <v>0</v>
      </c>
      <c r="N13" s="665">
        <v>2</v>
      </c>
      <c r="O13" s="646">
        <v>0</v>
      </c>
      <c r="P13" s="646">
        <v>0</v>
      </c>
      <c r="Q13" s="648">
        <v>5</v>
      </c>
      <c r="R13" s="667">
        <v>34</v>
      </c>
      <c r="S13" s="649">
        <v>5</v>
      </c>
      <c r="T13" s="650">
        <v>24</v>
      </c>
      <c r="U13" s="668">
        <v>35</v>
      </c>
      <c r="V13" s="649">
        <v>0</v>
      </c>
      <c r="W13" s="649">
        <v>0</v>
      </c>
      <c r="X13" s="648">
        <v>98</v>
      </c>
    </row>
    <row r="14" spans="1:24" ht="14.25" customHeight="1">
      <c r="A14" s="633" t="s">
        <v>21</v>
      </c>
      <c r="B14" s="634"/>
      <c r="C14" s="635"/>
      <c r="D14" s="636">
        <v>29</v>
      </c>
      <c r="E14" s="637">
        <v>33</v>
      </c>
      <c r="F14" s="638">
        <v>136</v>
      </c>
      <c r="G14" s="639">
        <v>23</v>
      </c>
      <c r="H14" s="637">
        <v>0</v>
      </c>
      <c r="I14" s="637">
        <v>0</v>
      </c>
      <c r="J14" s="640">
        <v>221</v>
      </c>
      <c r="K14" s="641">
        <v>0</v>
      </c>
      <c r="L14" s="637">
        <v>3</v>
      </c>
      <c r="M14" s="637">
        <v>0</v>
      </c>
      <c r="N14" s="639">
        <v>5</v>
      </c>
      <c r="O14" s="637">
        <v>0</v>
      </c>
      <c r="P14" s="637">
        <v>0</v>
      </c>
      <c r="Q14" s="640">
        <v>8</v>
      </c>
      <c r="R14" s="642">
        <v>29</v>
      </c>
      <c r="S14" s="643">
        <v>36</v>
      </c>
      <c r="T14" s="644">
        <v>136</v>
      </c>
      <c r="U14" s="645">
        <v>28</v>
      </c>
      <c r="V14" s="643">
        <v>0</v>
      </c>
      <c r="W14" s="643">
        <v>0</v>
      </c>
      <c r="X14" s="640">
        <v>229</v>
      </c>
    </row>
    <row r="15" spans="1:24" ht="14.25" customHeight="1">
      <c r="A15" s="633" t="s">
        <v>23</v>
      </c>
      <c r="B15" s="634"/>
      <c r="C15" s="635"/>
      <c r="D15" s="636">
        <v>9</v>
      </c>
      <c r="E15" s="637">
        <v>4</v>
      </c>
      <c r="F15" s="638">
        <v>39</v>
      </c>
      <c r="G15" s="639">
        <v>9</v>
      </c>
      <c r="H15" s="637">
        <v>2</v>
      </c>
      <c r="I15" s="637">
        <v>15</v>
      </c>
      <c r="J15" s="640">
        <v>78</v>
      </c>
      <c r="K15" s="641">
        <v>1</v>
      </c>
      <c r="L15" s="637">
        <v>1</v>
      </c>
      <c r="M15" s="637">
        <v>0</v>
      </c>
      <c r="N15" s="639">
        <v>0</v>
      </c>
      <c r="O15" s="637">
        <v>0</v>
      </c>
      <c r="P15" s="637">
        <v>0</v>
      </c>
      <c r="Q15" s="640">
        <v>2</v>
      </c>
      <c r="R15" s="642">
        <v>10</v>
      </c>
      <c r="S15" s="643">
        <v>5</v>
      </c>
      <c r="T15" s="644">
        <v>39</v>
      </c>
      <c r="U15" s="645">
        <v>9</v>
      </c>
      <c r="V15" s="643">
        <v>2</v>
      </c>
      <c r="W15" s="643">
        <v>15</v>
      </c>
      <c r="X15" s="640">
        <v>80</v>
      </c>
    </row>
    <row r="16" spans="1:24" ht="14.25" customHeight="1">
      <c r="A16" s="633" t="s">
        <v>25</v>
      </c>
      <c r="B16" s="634"/>
      <c r="C16" s="635"/>
      <c r="D16" s="636">
        <v>13</v>
      </c>
      <c r="E16" s="637">
        <v>6</v>
      </c>
      <c r="F16" s="638">
        <v>84</v>
      </c>
      <c r="G16" s="639">
        <v>6</v>
      </c>
      <c r="H16" s="637">
        <v>6</v>
      </c>
      <c r="I16" s="637">
        <v>0</v>
      </c>
      <c r="J16" s="640">
        <v>115</v>
      </c>
      <c r="K16" s="641">
        <v>0</v>
      </c>
      <c r="L16" s="637">
        <v>0</v>
      </c>
      <c r="M16" s="637">
        <v>0</v>
      </c>
      <c r="N16" s="639">
        <v>0</v>
      </c>
      <c r="O16" s="637">
        <v>0</v>
      </c>
      <c r="P16" s="637">
        <v>0</v>
      </c>
      <c r="Q16" s="640">
        <v>0</v>
      </c>
      <c r="R16" s="642">
        <v>13</v>
      </c>
      <c r="S16" s="643">
        <v>6</v>
      </c>
      <c r="T16" s="644">
        <v>84</v>
      </c>
      <c r="U16" s="645">
        <v>6</v>
      </c>
      <c r="V16" s="643">
        <v>6</v>
      </c>
      <c r="W16" s="643">
        <v>0</v>
      </c>
      <c r="X16" s="640">
        <v>115</v>
      </c>
    </row>
    <row r="17" spans="1:24" ht="14.25" customHeight="1" thickBot="1">
      <c r="A17" s="651" t="s">
        <v>27</v>
      </c>
      <c r="B17" s="652"/>
      <c r="C17" s="653"/>
      <c r="D17" s="654">
        <v>13</v>
      </c>
      <c r="E17" s="655">
        <v>2</v>
      </c>
      <c r="F17" s="656">
        <v>14</v>
      </c>
      <c r="G17" s="657">
        <v>30</v>
      </c>
      <c r="H17" s="655">
        <v>1</v>
      </c>
      <c r="I17" s="655">
        <v>0</v>
      </c>
      <c r="J17" s="658">
        <v>60</v>
      </c>
      <c r="K17" s="659">
        <v>0</v>
      </c>
      <c r="L17" s="655">
        <v>0</v>
      </c>
      <c r="M17" s="655">
        <v>0</v>
      </c>
      <c r="N17" s="657">
        <v>0</v>
      </c>
      <c r="O17" s="655">
        <v>0</v>
      </c>
      <c r="P17" s="655">
        <v>0</v>
      </c>
      <c r="Q17" s="658">
        <v>0</v>
      </c>
      <c r="R17" s="660">
        <v>13</v>
      </c>
      <c r="S17" s="661">
        <v>2</v>
      </c>
      <c r="T17" s="662">
        <v>14</v>
      </c>
      <c r="U17" s="663">
        <v>30</v>
      </c>
      <c r="V17" s="661">
        <v>1</v>
      </c>
      <c r="W17" s="661">
        <v>0</v>
      </c>
      <c r="X17" s="658">
        <v>60</v>
      </c>
    </row>
    <row r="18" spans="1:24" ht="14.25" customHeight="1">
      <c r="A18" s="622" t="s">
        <v>28</v>
      </c>
      <c r="B18" s="591"/>
      <c r="C18" s="623"/>
      <c r="D18" s="664">
        <v>9</v>
      </c>
      <c r="E18" s="646">
        <v>2</v>
      </c>
      <c r="F18" s="647">
        <v>13</v>
      </c>
      <c r="G18" s="665">
        <v>2</v>
      </c>
      <c r="H18" s="646">
        <v>2</v>
      </c>
      <c r="I18" s="646">
        <v>0</v>
      </c>
      <c r="J18" s="648">
        <v>28</v>
      </c>
      <c r="K18" s="666">
        <v>1</v>
      </c>
      <c r="L18" s="646">
        <v>0</v>
      </c>
      <c r="M18" s="646">
        <v>0</v>
      </c>
      <c r="N18" s="665">
        <v>0</v>
      </c>
      <c r="O18" s="646">
        <v>0</v>
      </c>
      <c r="P18" s="646">
        <v>0</v>
      </c>
      <c r="Q18" s="648">
        <v>1</v>
      </c>
      <c r="R18" s="667">
        <v>10</v>
      </c>
      <c r="S18" s="649">
        <v>2</v>
      </c>
      <c r="T18" s="650">
        <v>13</v>
      </c>
      <c r="U18" s="668">
        <v>2</v>
      </c>
      <c r="V18" s="649">
        <v>2</v>
      </c>
      <c r="W18" s="649">
        <v>0</v>
      </c>
      <c r="X18" s="648">
        <v>29</v>
      </c>
    </row>
    <row r="19" spans="1:24" ht="14.25" customHeight="1">
      <c r="A19" s="633" t="s">
        <v>30</v>
      </c>
      <c r="B19" s="634"/>
      <c r="C19" s="635"/>
      <c r="D19" s="636">
        <v>15</v>
      </c>
      <c r="E19" s="637">
        <v>0</v>
      </c>
      <c r="F19" s="638">
        <v>15</v>
      </c>
      <c r="G19" s="639">
        <v>0</v>
      </c>
      <c r="H19" s="637">
        <v>0</v>
      </c>
      <c r="I19" s="637">
        <v>0</v>
      </c>
      <c r="J19" s="640">
        <v>30</v>
      </c>
      <c r="K19" s="641">
        <v>2</v>
      </c>
      <c r="L19" s="637">
        <v>0</v>
      </c>
      <c r="M19" s="637">
        <v>0</v>
      </c>
      <c r="N19" s="639">
        <v>0</v>
      </c>
      <c r="O19" s="637">
        <v>0</v>
      </c>
      <c r="P19" s="637">
        <v>0</v>
      </c>
      <c r="Q19" s="640">
        <v>2</v>
      </c>
      <c r="R19" s="642">
        <v>17</v>
      </c>
      <c r="S19" s="643">
        <v>0</v>
      </c>
      <c r="T19" s="644">
        <v>15</v>
      </c>
      <c r="U19" s="645">
        <v>0</v>
      </c>
      <c r="V19" s="643">
        <v>0</v>
      </c>
      <c r="W19" s="643">
        <v>0</v>
      </c>
      <c r="X19" s="640">
        <v>32</v>
      </c>
    </row>
    <row r="20" spans="1:24" ht="14.25" customHeight="1">
      <c r="A20" s="633" t="s">
        <v>32</v>
      </c>
      <c r="B20" s="634"/>
      <c r="C20" s="635"/>
      <c r="D20" s="636">
        <v>19</v>
      </c>
      <c r="E20" s="637">
        <v>3</v>
      </c>
      <c r="F20" s="638">
        <v>74</v>
      </c>
      <c r="G20" s="639">
        <v>13</v>
      </c>
      <c r="H20" s="637">
        <v>0</v>
      </c>
      <c r="I20" s="637">
        <v>0</v>
      </c>
      <c r="J20" s="640">
        <v>109</v>
      </c>
      <c r="K20" s="641">
        <v>6</v>
      </c>
      <c r="L20" s="637">
        <v>0</v>
      </c>
      <c r="M20" s="637">
        <v>0</v>
      </c>
      <c r="N20" s="639">
        <v>0</v>
      </c>
      <c r="O20" s="637">
        <v>0</v>
      </c>
      <c r="P20" s="637">
        <v>0</v>
      </c>
      <c r="Q20" s="640">
        <v>6</v>
      </c>
      <c r="R20" s="642">
        <v>25</v>
      </c>
      <c r="S20" s="643">
        <v>3</v>
      </c>
      <c r="T20" s="644">
        <v>74</v>
      </c>
      <c r="U20" s="645">
        <v>13</v>
      </c>
      <c r="V20" s="643">
        <v>0</v>
      </c>
      <c r="W20" s="643">
        <v>0</v>
      </c>
      <c r="X20" s="640">
        <v>115</v>
      </c>
    </row>
    <row r="21" spans="1:24" ht="14.25" customHeight="1">
      <c r="A21" s="633" t="s">
        <v>34</v>
      </c>
      <c r="B21" s="634"/>
      <c r="C21" s="635"/>
      <c r="D21" s="636">
        <v>16</v>
      </c>
      <c r="E21" s="637">
        <v>12</v>
      </c>
      <c r="F21" s="638">
        <v>47</v>
      </c>
      <c r="G21" s="639">
        <v>10</v>
      </c>
      <c r="H21" s="637">
        <v>0</v>
      </c>
      <c r="I21" s="637">
        <v>0</v>
      </c>
      <c r="J21" s="640">
        <v>85</v>
      </c>
      <c r="K21" s="641">
        <v>1</v>
      </c>
      <c r="L21" s="637">
        <v>0</v>
      </c>
      <c r="M21" s="637">
        <v>0</v>
      </c>
      <c r="N21" s="639">
        <v>0</v>
      </c>
      <c r="O21" s="637">
        <v>0</v>
      </c>
      <c r="P21" s="637">
        <v>0</v>
      </c>
      <c r="Q21" s="640">
        <v>1</v>
      </c>
      <c r="R21" s="642">
        <v>17</v>
      </c>
      <c r="S21" s="643">
        <v>12</v>
      </c>
      <c r="T21" s="644">
        <v>47</v>
      </c>
      <c r="U21" s="645">
        <v>10</v>
      </c>
      <c r="V21" s="643">
        <v>0</v>
      </c>
      <c r="W21" s="643">
        <v>0</v>
      </c>
      <c r="X21" s="640">
        <v>86</v>
      </c>
    </row>
    <row r="22" spans="1:24" ht="14.25" customHeight="1" thickBot="1">
      <c r="A22" s="651" t="s">
        <v>36</v>
      </c>
      <c r="B22" s="652"/>
      <c r="C22" s="653"/>
      <c r="D22" s="654">
        <v>8</v>
      </c>
      <c r="E22" s="655">
        <v>0</v>
      </c>
      <c r="F22" s="656">
        <v>29</v>
      </c>
      <c r="G22" s="657">
        <v>0</v>
      </c>
      <c r="H22" s="655">
        <v>0</v>
      </c>
      <c r="I22" s="655">
        <v>0</v>
      </c>
      <c r="J22" s="658">
        <v>37</v>
      </c>
      <c r="K22" s="659">
        <v>4</v>
      </c>
      <c r="L22" s="655">
        <v>0</v>
      </c>
      <c r="M22" s="655">
        <v>0</v>
      </c>
      <c r="N22" s="657">
        <v>0</v>
      </c>
      <c r="O22" s="655">
        <v>0</v>
      </c>
      <c r="P22" s="655">
        <v>0</v>
      </c>
      <c r="Q22" s="658">
        <v>4</v>
      </c>
      <c r="R22" s="660">
        <v>12</v>
      </c>
      <c r="S22" s="661">
        <v>0</v>
      </c>
      <c r="T22" s="662">
        <v>29</v>
      </c>
      <c r="U22" s="663">
        <v>0</v>
      </c>
      <c r="V22" s="661">
        <v>0</v>
      </c>
      <c r="W22" s="661">
        <v>0</v>
      </c>
      <c r="X22" s="658">
        <v>41</v>
      </c>
    </row>
    <row r="23" spans="1:24" ht="14.25" customHeight="1">
      <c r="A23" s="622" t="s">
        <v>38</v>
      </c>
      <c r="B23" s="591"/>
      <c r="C23" s="623"/>
      <c r="D23" s="664">
        <v>13</v>
      </c>
      <c r="E23" s="646">
        <v>0</v>
      </c>
      <c r="F23" s="647">
        <v>38</v>
      </c>
      <c r="G23" s="665">
        <v>0</v>
      </c>
      <c r="H23" s="646">
        <v>0</v>
      </c>
      <c r="I23" s="646">
        <v>0</v>
      </c>
      <c r="J23" s="648">
        <v>51</v>
      </c>
      <c r="K23" s="666">
        <v>2</v>
      </c>
      <c r="L23" s="646">
        <v>0</v>
      </c>
      <c r="M23" s="646">
        <v>2</v>
      </c>
      <c r="N23" s="665">
        <v>0</v>
      </c>
      <c r="O23" s="646">
        <v>0</v>
      </c>
      <c r="P23" s="646">
        <v>0</v>
      </c>
      <c r="Q23" s="648">
        <v>4</v>
      </c>
      <c r="R23" s="667">
        <v>15</v>
      </c>
      <c r="S23" s="649">
        <v>0</v>
      </c>
      <c r="T23" s="650">
        <v>40</v>
      </c>
      <c r="U23" s="668">
        <v>0</v>
      </c>
      <c r="V23" s="649">
        <v>0</v>
      </c>
      <c r="W23" s="649">
        <v>0</v>
      </c>
      <c r="X23" s="648">
        <v>55</v>
      </c>
    </row>
    <row r="24" spans="1:24" ht="14.25" customHeight="1">
      <c r="A24" s="633" t="s">
        <v>40</v>
      </c>
      <c r="B24" s="634"/>
      <c r="C24" s="635"/>
      <c r="D24" s="636">
        <v>18</v>
      </c>
      <c r="E24" s="637">
        <v>0</v>
      </c>
      <c r="F24" s="638">
        <v>56</v>
      </c>
      <c r="G24" s="639">
        <v>0</v>
      </c>
      <c r="H24" s="637">
        <v>0</v>
      </c>
      <c r="I24" s="637">
        <v>0</v>
      </c>
      <c r="J24" s="640">
        <v>74</v>
      </c>
      <c r="K24" s="641">
        <v>1</v>
      </c>
      <c r="L24" s="637">
        <v>0</v>
      </c>
      <c r="M24" s="637">
        <v>3</v>
      </c>
      <c r="N24" s="639">
        <v>0</v>
      </c>
      <c r="O24" s="637">
        <v>0</v>
      </c>
      <c r="P24" s="637">
        <v>0</v>
      </c>
      <c r="Q24" s="640">
        <v>4</v>
      </c>
      <c r="R24" s="642">
        <v>19</v>
      </c>
      <c r="S24" s="643">
        <v>0</v>
      </c>
      <c r="T24" s="644">
        <v>59</v>
      </c>
      <c r="U24" s="645">
        <v>0</v>
      </c>
      <c r="V24" s="643">
        <v>0</v>
      </c>
      <c r="W24" s="643">
        <v>0</v>
      </c>
      <c r="X24" s="640">
        <v>78</v>
      </c>
    </row>
    <row r="25" spans="1:24" ht="14.25" customHeight="1">
      <c r="A25" s="633" t="s">
        <v>41</v>
      </c>
      <c r="B25" s="634"/>
      <c r="C25" s="635"/>
      <c r="D25" s="636">
        <v>8</v>
      </c>
      <c r="E25" s="637">
        <v>1</v>
      </c>
      <c r="F25" s="638">
        <v>0</v>
      </c>
      <c r="G25" s="639">
        <v>6</v>
      </c>
      <c r="H25" s="637">
        <v>0</v>
      </c>
      <c r="I25" s="637">
        <v>0</v>
      </c>
      <c r="J25" s="640">
        <v>15</v>
      </c>
      <c r="K25" s="641">
        <v>2</v>
      </c>
      <c r="L25" s="637">
        <v>0</v>
      </c>
      <c r="M25" s="637">
        <v>0</v>
      </c>
      <c r="N25" s="639">
        <v>0</v>
      </c>
      <c r="O25" s="637">
        <v>0</v>
      </c>
      <c r="P25" s="637">
        <v>0</v>
      </c>
      <c r="Q25" s="640">
        <v>2</v>
      </c>
      <c r="R25" s="642">
        <v>10</v>
      </c>
      <c r="S25" s="643">
        <v>1</v>
      </c>
      <c r="T25" s="644">
        <v>0</v>
      </c>
      <c r="U25" s="645">
        <v>6</v>
      </c>
      <c r="V25" s="643">
        <v>0</v>
      </c>
      <c r="W25" s="643">
        <v>0</v>
      </c>
      <c r="X25" s="640">
        <v>17</v>
      </c>
    </row>
    <row r="26" spans="1:24" ht="14.25" customHeight="1" thickBot="1">
      <c r="A26" s="651" t="s">
        <v>43</v>
      </c>
      <c r="B26" s="652"/>
      <c r="C26" s="653"/>
      <c r="D26" s="669">
        <v>9</v>
      </c>
      <c r="E26" s="670">
        <v>0</v>
      </c>
      <c r="F26" s="671">
        <v>18</v>
      </c>
      <c r="G26" s="672">
        <v>0</v>
      </c>
      <c r="H26" s="670">
        <v>0</v>
      </c>
      <c r="I26" s="670">
        <v>0</v>
      </c>
      <c r="J26" s="673">
        <v>27</v>
      </c>
      <c r="K26" s="674">
        <v>0</v>
      </c>
      <c r="L26" s="670">
        <v>0</v>
      </c>
      <c r="M26" s="670">
        <v>3</v>
      </c>
      <c r="N26" s="672">
        <v>0</v>
      </c>
      <c r="O26" s="670">
        <v>0</v>
      </c>
      <c r="P26" s="670">
        <v>0</v>
      </c>
      <c r="Q26" s="581">
        <v>3</v>
      </c>
      <c r="R26" s="675">
        <v>9</v>
      </c>
      <c r="S26" s="676">
        <v>0</v>
      </c>
      <c r="T26" s="677">
        <v>21</v>
      </c>
      <c r="U26" s="678">
        <v>0</v>
      </c>
      <c r="V26" s="676">
        <v>0</v>
      </c>
      <c r="W26" s="676">
        <v>0</v>
      </c>
      <c r="X26" s="673">
        <v>30</v>
      </c>
    </row>
    <row r="27" spans="1:24" ht="14.25" customHeight="1" thickBot="1">
      <c r="A27" s="679"/>
      <c r="B27" s="680" t="s">
        <v>238</v>
      </c>
      <c r="C27" s="681"/>
      <c r="D27" s="682">
        <v>929</v>
      </c>
      <c r="E27" s="683">
        <v>460</v>
      </c>
      <c r="F27" s="684">
        <v>2478</v>
      </c>
      <c r="G27" s="685">
        <v>446</v>
      </c>
      <c r="H27" s="683">
        <v>27</v>
      </c>
      <c r="I27" s="683">
        <v>15</v>
      </c>
      <c r="J27" s="686">
        <v>4355</v>
      </c>
      <c r="K27" s="687">
        <v>50</v>
      </c>
      <c r="L27" s="683">
        <v>21</v>
      </c>
      <c r="M27" s="683">
        <v>138</v>
      </c>
      <c r="N27" s="685">
        <v>13</v>
      </c>
      <c r="O27" s="683">
        <v>0</v>
      </c>
      <c r="P27" s="683">
        <v>0</v>
      </c>
      <c r="Q27" s="686">
        <v>222</v>
      </c>
      <c r="R27" s="682">
        <v>979</v>
      </c>
      <c r="S27" s="683">
        <v>481</v>
      </c>
      <c r="T27" s="684">
        <v>2616</v>
      </c>
      <c r="U27" s="685">
        <v>459</v>
      </c>
      <c r="V27" s="683">
        <v>27</v>
      </c>
      <c r="W27" s="683">
        <v>15</v>
      </c>
      <c r="X27" s="686">
        <v>4577</v>
      </c>
    </row>
    <row r="28" spans="1:24" ht="14.25" customHeight="1">
      <c r="A28" s="622" t="s">
        <v>47</v>
      </c>
      <c r="B28" s="591"/>
      <c r="C28" s="623"/>
      <c r="D28" s="669">
        <v>6</v>
      </c>
      <c r="E28" s="670">
        <v>0</v>
      </c>
      <c r="F28" s="671">
        <v>28</v>
      </c>
      <c r="G28" s="672">
        <v>4</v>
      </c>
      <c r="H28" s="670">
        <v>0</v>
      </c>
      <c r="I28" s="670">
        <v>0</v>
      </c>
      <c r="J28" s="673">
        <v>38</v>
      </c>
      <c r="K28" s="674">
        <v>0</v>
      </c>
      <c r="L28" s="670">
        <v>0</v>
      </c>
      <c r="M28" s="670">
        <v>0</v>
      </c>
      <c r="N28" s="672">
        <v>0</v>
      </c>
      <c r="O28" s="670">
        <v>0</v>
      </c>
      <c r="P28" s="670">
        <v>0</v>
      </c>
      <c r="Q28" s="581">
        <v>0</v>
      </c>
      <c r="R28" s="675">
        <v>6</v>
      </c>
      <c r="S28" s="676">
        <v>0</v>
      </c>
      <c r="T28" s="677">
        <v>28</v>
      </c>
      <c r="U28" s="678">
        <v>4</v>
      </c>
      <c r="V28" s="676">
        <v>0</v>
      </c>
      <c r="W28" s="676">
        <v>0</v>
      </c>
      <c r="X28" s="673">
        <v>38</v>
      </c>
    </row>
    <row r="29" spans="1:24" ht="14.25" customHeight="1">
      <c r="A29" s="633" t="s">
        <v>49</v>
      </c>
      <c r="B29" s="634"/>
      <c r="C29" s="635"/>
      <c r="D29" s="636">
        <v>8</v>
      </c>
      <c r="E29" s="637">
        <v>0</v>
      </c>
      <c r="F29" s="638">
        <v>0</v>
      </c>
      <c r="G29" s="639">
        <v>0</v>
      </c>
      <c r="H29" s="637">
        <v>0</v>
      </c>
      <c r="I29" s="637">
        <v>0</v>
      </c>
      <c r="J29" s="640">
        <v>8</v>
      </c>
      <c r="K29" s="641">
        <v>3</v>
      </c>
      <c r="L29" s="637">
        <v>0</v>
      </c>
      <c r="M29" s="637">
        <v>0</v>
      </c>
      <c r="N29" s="639">
        <v>3</v>
      </c>
      <c r="O29" s="637">
        <v>0</v>
      </c>
      <c r="P29" s="637">
        <v>0</v>
      </c>
      <c r="Q29" s="640">
        <v>6</v>
      </c>
      <c r="R29" s="642">
        <v>11</v>
      </c>
      <c r="S29" s="643">
        <v>0</v>
      </c>
      <c r="T29" s="644">
        <v>0</v>
      </c>
      <c r="U29" s="645">
        <v>3</v>
      </c>
      <c r="V29" s="643">
        <v>0</v>
      </c>
      <c r="W29" s="643">
        <v>0</v>
      </c>
      <c r="X29" s="640">
        <v>14</v>
      </c>
    </row>
    <row r="30" spans="1:24" ht="14.25" customHeight="1">
      <c r="A30" s="633" t="s">
        <v>51</v>
      </c>
      <c r="B30" s="634"/>
      <c r="C30" s="635"/>
      <c r="D30" s="636">
        <v>4</v>
      </c>
      <c r="E30" s="637">
        <v>1</v>
      </c>
      <c r="F30" s="638">
        <v>1</v>
      </c>
      <c r="G30" s="639">
        <v>0</v>
      </c>
      <c r="H30" s="637">
        <v>0</v>
      </c>
      <c r="I30" s="637">
        <v>0</v>
      </c>
      <c r="J30" s="640">
        <v>6</v>
      </c>
      <c r="K30" s="641">
        <v>3</v>
      </c>
      <c r="L30" s="637">
        <v>0</v>
      </c>
      <c r="M30" s="637">
        <v>0</v>
      </c>
      <c r="N30" s="639">
        <v>1</v>
      </c>
      <c r="O30" s="637">
        <v>0</v>
      </c>
      <c r="P30" s="637">
        <v>0</v>
      </c>
      <c r="Q30" s="640">
        <v>4</v>
      </c>
      <c r="R30" s="642">
        <v>7</v>
      </c>
      <c r="S30" s="643">
        <v>1</v>
      </c>
      <c r="T30" s="644">
        <v>1</v>
      </c>
      <c r="U30" s="645">
        <v>1</v>
      </c>
      <c r="V30" s="643">
        <v>0</v>
      </c>
      <c r="W30" s="643">
        <v>0</v>
      </c>
      <c r="X30" s="640">
        <v>10</v>
      </c>
    </row>
    <row r="31" spans="1:24" ht="14.25" customHeight="1" thickBot="1">
      <c r="A31" s="651" t="s">
        <v>53</v>
      </c>
      <c r="B31" s="652"/>
      <c r="C31" s="653"/>
      <c r="D31" s="654">
        <v>5</v>
      </c>
      <c r="E31" s="655">
        <v>2</v>
      </c>
      <c r="F31" s="656">
        <v>0</v>
      </c>
      <c r="G31" s="657">
        <v>0</v>
      </c>
      <c r="H31" s="655">
        <v>0</v>
      </c>
      <c r="I31" s="655">
        <v>0</v>
      </c>
      <c r="J31" s="658">
        <v>7</v>
      </c>
      <c r="K31" s="659">
        <v>1</v>
      </c>
      <c r="L31" s="655">
        <v>0</v>
      </c>
      <c r="M31" s="655">
        <v>0</v>
      </c>
      <c r="N31" s="657">
        <v>0</v>
      </c>
      <c r="O31" s="655">
        <v>0</v>
      </c>
      <c r="P31" s="655">
        <v>0</v>
      </c>
      <c r="Q31" s="658">
        <v>1</v>
      </c>
      <c r="R31" s="660">
        <v>6</v>
      </c>
      <c r="S31" s="661">
        <v>2</v>
      </c>
      <c r="T31" s="662">
        <v>0</v>
      </c>
      <c r="U31" s="663">
        <v>0</v>
      </c>
      <c r="V31" s="661">
        <v>0</v>
      </c>
      <c r="W31" s="661">
        <v>0</v>
      </c>
      <c r="X31" s="658">
        <v>8</v>
      </c>
    </row>
    <row r="32" spans="1:24" ht="14.25" customHeight="1">
      <c r="A32" s="622" t="s">
        <v>55</v>
      </c>
      <c r="B32" s="591"/>
      <c r="C32" s="623"/>
      <c r="D32" s="664">
        <v>3</v>
      </c>
      <c r="E32" s="646">
        <v>0</v>
      </c>
      <c r="F32" s="647">
        <v>0</v>
      </c>
      <c r="G32" s="665">
        <v>0</v>
      </c>
      <c r="H32" s="646">
        <v>0</v>
      </c>
      <c r="I32" s="646">
        <v>0</v>
      </c>
      <c r="J32" s="648">
        <v>3</v>
      </c>
      <c r="K32" s="666">
        <v>1</v>
      </c>
      <c r="L32" s="646">
        <v>0</v>
      </c>
      <c r="M32" s="646">
        <v>0</v>
      </c>
      <c r="N32" s="665">
        <v>0</v>
      </c>
      <c r="O32" s="646">
        <v>0</v>
      </c>
      <c r="P32" s="646">
        <v>0</v>
      </c>
      <c r="Q32" s="648">
        <v>1</v>
      </c>
      <c r="R32" s="667">
        <v>4</v>
      </c>
      <c r="S32" s="649">
        <v>0</v>
      </c>
      <c r="T32" s="650">
        <v>0</v>
      </c>
      <c r="U32" s="668">
        <v>0</v>
      </c>
      <c r="V32" s="649">
        <v>0</v>
      </c>
      <c r="W32" s="649">
        <v>0</v>
      </c>
      <c r="X32" s="648">
        <v>4</v>
      </c>
    </row>
    <row r="33" spans="1:24" ht="14.25" customHeight="1">
      <c r="A33" s="633" t="s">
        <v>57</v>
      </c>
      <c r="B33" s="634"/>
      <c r="C33" s="635"/>
      <c r="D33" s="636">
        <v>2</v>
      </c>
      <c r="E33" s="637">
        <v>0</v>
      </c>
      <c r="F33" s="638">
        <v>0</v>
      </c>
      <c r="G33" s="639">
        <v>0</v>
      </c>
      <c r="H33" s="637">
        <v>0</v>
      </c>
      <c r="I33" s="637">
        <v>0</v>
      </c>
      <c r="J33" s="640">
        <v>2</v>
      </c>
      <c r="K33" s="641">
        <v>1</v>
      </c>
      <c r="L33" s="637">
        <v>0</v>
      </c>
      <c r="M33" s="637">
        <v>0</v>
      </c>
      <c r="N33" s="639">
        <v>0</v>
      </c>
      <c r="O33" s="637">
        <v>0</v>
      </c>
      <c r="P33" s="637">
        <v>0</v>
      </c>
      <c r="Q33" s="640">
        <v>1</v>
      </c>
      <c r="R33" s="642">
        <v>3</v>
      </c>
      <c r="S33" s="643">
        <v>0</v>
      </c>
      <c r="T33" s="644">
        <v>0</v>
      </c>
      <c r="U33" s="645">
        <v>0</v>
      </c>
      <c r="V33" s="643">
        <v>0</v>
      </c>
      <c r="W33" s="643">
        <v>0</v>
      </c>
      <c r="X33" s="640">
        <v>3</v>
      </c>
    </row>
    <row r="34" spans="1:24" ht="14.25" customHeight="1">
      <c r="A34" s="633" t="s">
        <v>59</v>
      </c>
      <c r="B34" s="634"/>
      <c r="C34" s="635"/>
      <c r="D34" s="636">
        <v>2</v>
      </c>
      <c r="E34" s="637">
        <v>0</v>
      </c>
      <c r="F34" s="638">
        <v>0</v>
      </c>
      <c r="G34" s="639">
        <v>0</v>
      </c>
      <c r="H34" s="637">
        <v>0</v>
      </c>
      <c r="I34" s="637">
        <v>0</v>
      </c>
      <c r="J34" s="640">
        <v>2</v>
      </c>
      <c r="K34" s="641">
        <v>1</v>
      </c>
      <c r="L34" s="637">
        <v>0</v>
      </c>
      <c r="M34" s="637">
        <v>0</v>
      </c>
      <c r="N34" s="639">
        <v>0</v>
      </c>
      <c r="O34" s="637">
        <v>0</v>
      </c>
      <c r="P34" s="637">
        <v>0</v>
      </c>
      <c r="Q34" s="640">
        <v>1</v>
      </c>
      <c r="R34" s="642">
        <v>3</v>
      </c>
      <c r="S34" s="643">
        <v>0</v>
      </c>
      <c r="T34" s="644">
        <v>0</v>
      </c>
      <c r="U34" s="645">
        <v>0</v>
      </c>
      <c r="V34" s="643">
        <v>0</v>
      </c>
      <c r="W34" s="643">
        <v>0</v>
      </c>
      <c r="X34" s="640">
        <v>3</v>
      </c>
    </row>
    <row r="35" spans="1:24" ht="14.25" customHeight="1">
      <c r="A35" s="633" t="s">
        <v>61</v>
      </c>
      <c r="B35" s="634"/>
      <c r="C35" s="635"/>
      <c r="D35" s="636">
        <v>1</v>
      </c>
      <c r="E35" s="637">
        <v>0</v>
      </c>
      <c r="F35" s="638">
        <v>1</v>
      </c>
      <c r="G35" s="639">
        <v>0</v>
      </c>
      <c r="H35" s="637">
        <v>0</v>
      </c>
      <c r="I35" s="637">
        <v>0</v>
      </c>
      <c r="J35" s="640">
        <v>2</v>
      </c>
      <c r="K35" s="641">
        <v>1</v>
      </c>
      <c r="L35" s="637">
        <v>0</v>
      </c>
      <c r="M35" s="637">
        <v>0</v>
      </c>
      <c r="N35" s="639">
        <v>0</v>
      </c>
      <c r="O35" s="637">
        <v>0</v>
      </c>
      <c r="P35" s="637">
        <v>0</v>
      </c>
      <c r="Q35" s="640">
        <v>1</v>
      </c>
      <c r="R35" s="642">
        <v>2</v>
      </c>
      <c r="S35" s="643">
        <v>0</v>
      </c>
      <c r="T35" s="644">
        <v>1</v>
      </c>
      <c r="U35" s="645">
        <v>0</v>
      </c>
      <c r="V35" s="643">
        <v>0</v>
      </c>
      <c r="W35" s="643">
        <v>0</v>
      </c>
      <c r="X35" s="640">
        <v>3</v>
      </c>
    </row>
    <row r="36" spans="1:24" ht="14.25" customHeight="1" thickBot="1">
      <c r="A36" s="651" t="s">
        <v>63</v>
      </c>
      <c r="B36" s="652"/>
      <c r="C36" s="653"/>
      <c r="D36" s="669">
        <v>2</v>
      </c>
      <c r="E36" s="670">
        <v>0</v>
      </c>
      <c r="F36" s="671">
        <v>0</v>
      </c>
      <c r="G36" s="672">
        <v>0</v>
      </c>
      <c r="H36" s="670">
        <v>0</v>
      </c>
      <c r="I36" s="670">
        <v>0</v>
      </c>
      <c r="J36" s="673">
        <v>2</v>
      </c>
      <c r="K36" s="674">
        <v>1</v>
      </c>
      <c r="L36" s="670">
        <v>0</v>
      </c>
      <c r="M36" s="670">
        <v>0</v>
      </c>
      <c r="N36" s="672">
        <v>0</v>
      </c>
      <c r="O36" s="670">
        <v>0</v>
      </c>
      <c r="P36" s="670">
        <v>0</v>
      </c>
      <c r="Q36" s="673">
        <v>1</v>
      </c>
      <c r="R36" s="675">
        <v>3</v>
      </c>
      <c r="S36" s="676">
        <v>0</v>
      </c>
      <c r="T36" s="677">
        <v>0</v>
      </c>
      <c r="U36" s="678">
        <v>0</v>
      </c>
      <c r="V36" s="676">
        <v>0</v>
      </c>
      <c r="W36" s="676">
        <v>0</v>
      </c>
      <c r="X36" s="673">
        <v>3</v>
      </c>
    </row>
    <row r="37" spans="1:24" ht="14.25" customHeight="1">
      <c r="A37" s="622" t="s">
        <v>65</v>
      </c>
      <c r="B37" s="591"/>
      <c r="C37" s="623"/>
      <c r="D37" s="688">
        <v>7</v>
      </c>
      <c r="E37" s="689">
        <v>1</v>
      </c>
      <c r="F37" s="690">
        <v>0</v>
      </c>
      <c r="G37" s="691">
        <v>2</v>
      </c>
      <c r="H37" s="689">
        <v>1</v>
      </c>
      <c r="I37" s="689">
        <v>0</v>
      </c>
      <c r="J37" s="692">
        <v>11</v>
      </c>
      <c r="K37" s="693">
        <v>0</v>
      </c>
      <c r="L37" s="689">
        <v>0</v>
      </c>
      <c r="M37" s="689">
        <v>0</v>
      </c>
      <c r="N37" s="691">
        <v>0</v>
      </c>
      <c r="O37" s="689">
        <v>0</v>
      </c>
      <c r="P37" s="689">
        <v>0</v>
      </c>
      <c r="Q37" s="692">
        <v>0</v>
      </c>
      <c r="R37" s="694">
        <v>7</v>
      </c>
      <c r="S37" s="695">
        <v>1</v>
      </c>
      <c r="T37" s="696">
        <v>0</v>
      </c>
      <c r="U37" s="697">
        <v>2</v>
      </c>
      <c r="V37" s="695">
        <v>1</v>
      </c>
      <c r="W37" s="695">
        <v>0</v>
      </c>
      <c r="X37" s="692">
        <v>11</v>
      </c>
    </row>
    <row r="38" spans="1:24" ht="14.25" customHeight="1">
      <c r="A38" s="633" t="s">
        <v>67</v>
      </c>
      <c r="B38" s="634"/>
      <c r="C38" s="635"/>
      <c r="D38" s="636">
        <v>1</v>
      </c>
      <c r="E38" s="637">
        <v>0</v>
      </c>
      <c r="F38" s="638">
        <v>0</v>
      </c>
      <c r="G38" s="639">
        <v>0</v>
      </c>
      <c r="H38" s="637">
        <v>0</v>
      </c>
      <c r="I38" s="637">
        <v>0</v>
      </c>
      <c r="J38" s="640">
        <v>1</v>
      </c>
      <c r="K38" s="641">
        <v>1</v>
      </c>
      <c r="L38" s="637">
        <v>0</v>
      </c>
      <c r="M38" s="637">
        <v>0</v>
      </c>
      <c r="N38" s="639">
        <v>0</v>
      </c>
      <c r="O38" s="637">
        <v>0</v>
      </c>
      <c r="P38" s="637">
        <v>0</v>
      </c>
      <c r="Q38" s="640">
        <v>1</v>
      </c>
      <c r="R38" s="642">
        <v>2</v>
      </c>
      <c r="S38" s="643">
        <v>0</v>
      </c>
      <c r="T38" s="644">
        <v>0</v>
      </c>
      <c r="U38" s="645">
        <v>0</v>
      </c>
      <c r="V38" s="643">
        <v>0</v>
      </c>
      <c r="W38" s="643">
        <v>0</v>
      </c>
      <c r="X38" s="640">
        <v>2</v>
      </c>
    </row>
    <row r="39" spans="1:24" ht="14.25" customHeight="1">
      <c r="A39" s="633" t="s">
        <v>69</v>
      </c>
      <c r="B39" s="634"/>
      <c r="C39" s="635"/>
      <c r="D39" s="636">
        <v>4</v>
      </c>
      <c r="E39" s="637">
        <v>0</v>
      </c>
      <c r="F39" s="638">
        <v>4</v>
      </c>
      <c r="G39" s="639">
        <v>0</v>
      </c>
      <c r="H39" s="637">
        <v>0</v>
      </c>
      <c r="I39" s="637">
        <v>0</v>
      </c>
      <c r="J39" s="640">
        <v>8</v>
      </c>
      <c r="K39" s="641">
        <v>0</v>
      </c>
      <c r="L39" s="637">
        <v>0</v>
      </c>
      <c r="M39" s="637">
        <v>0</v>
      </c>
      <c r="N39" s="639">
        <v>0</v>
      </c>
      <c r="O39" s="637">
        <v>0</v>
      </c>
      <c r="P39" s="637">
        <v>0</v>
      </c>
      <c r="Q39" s="640">
        <v>0</v>
      </c>
      <c r="R39" s="642">
        <v>4</v>
      </c>
      <c r="S39" s="643">
        <v>0</v>
      </c>
      <c r="T39" s="644">
        <v>4</v>
      </c>
      <c r="U39" s="645">
        <v>0</v>
      </c>
      <c r="V39" s="643">
        <v>0</v>
      </c>
      <c r="W39" s="643">
        <v>0</v>
      </c>
      <c r="X39" s="640">
        <v>8</v>
      </c>
    </row>
    <row r="40" spans="1:24" ht="14.25" customHeight="1">
      <c r="A40" s="633" t="s">
        <v>70</v>
      </c>
      <c r="B40" s="634"/>
      <c r="C40" s="635"/>
      <c r="D40" s="636">
        <v>5</v>
      </c>
      <c r="E40" s="637">
        <v>1</v>
      </c>
      <c r="F40" s="638">
        <v>14</v>
      </c>
      <c r="G40" s="639">
        <v>0</v>
      </c>
      <c r="H40" s="637">
        <v>0</v>
      </c>
      <c r="I40" s="637">
        <v>0</v>
      </c>
      <c r="J40" s="640">
        <v>20</v>
      </c>
      <c r="K40" s="641">
        <v>2</v>
      </c>
      <c r="L40" s="637">
        <v>0</v>
      </c>
      <c r="M40" s="637">
        <v>5</v>
      </c>
      <c r="N40" s="639">
        <v>0</v>
      </c>
      <c r="O40" s="637">
        <v>0</v>
      </c>
      <c r="P40" s="637">
        <v>0</v>
      </c>
      <c r="Q40" s="640">
        <v>7</v>
      </c>
      <c r="R40" s="642">
        <v>7</v>
      </c>
      <c r="S40" s="643">
        <v>1</v>
      </c>
      <c r="T40" s="644">
        <v>19</v>
      </c>
      <c r="U40" s="645">
        <v>0</v>
      </c>
      <c r="V40" s="643">
        <v>0</v>
      </c>
      <c r="W40" s="643">
        <v>0</v>
      </c>
      <c r="X40" s="640">
        <v>27</v>
      </c>
    </row>
    <row r="41" spans="1:24" ht="14.25" customHeight="1" thickBot="1">
      <c r="A41" s="651" t="s">
        <v>72</v>
      </c>
      <c r="B41" s="652"/>
      <c r="C41" s="653"/>
      <c r="D41" s="654">
        <v>1</v>
      </c>
      <c r="E41" s="655">
        <v>0</v>
      </c>
      <c r="F41" s="656">
        <v>4</v>
      </c>
      <c r="G41" s="657">
        <v>3</v>
      </c>
      <c r="H41" s="655">
        <v>0</v>
      </c>
      <c r="I41" s="655">
        <v>0</v>
      </c>
      <c r="J41" s="673">
        <v>8</v>
      </c>
      <c r="K41" s="659">
        <v>0</v>
      </c>
      <c r="L41" s="655">
        <v>0</v>
      </c>
      <c r="M41" s="655">
        <v>0</v>
      </c>
      <c r="N41" s="657">
        <v>0</v>
      </c>
      <c r="O41" s="655">
        <v>0</v>
      </c>
      <c r="P41" s="655">
        <v>0</v>
      </c>
      <c r="Q41" s="658">
        <v>0</v>
      </c>
      <c r="R41" s="660">
        <v>1</v>
      </c>
      <c r="S41" s="661">
        <v>0</v>
      </c>
      <c r="T41" s="662">
        <v>4</v>
      </c>
      <c r="U41" s="663">
        <v>3</v>
      </c>
      <c r="V41" s="661">
        <v>0</v>
      </c>
      <c r="W41" s="661">
        <v>0</v>
      </c>
      <c r="X41" s="658">
        <v>8</v>
      </c>
    </row>
    <row r="42" spans="1:24" ht="14.25" customHeight="1" thickBot="1">
      <c r="A42" s="698"/>
      <c r="B42" s="699" t="s">
        <v>309</v>
      </c>
      <c r="C42" s="700"/>
      <c r="D42" s="701">
        <v>51</v>
      </c>
      <c r="E42" s="702">
        <v>5</v>
      </c>
      <c r="F42" s="703">
        <v>52</v>
      </c>
      <c r="G42" s="704">
        <v>9</v>
      </c>
      <c r="H42" s="702">
        <v>1</v>
      </c>
      <c r="I42" s="702">
        <v>0</v>
      </c>
      <c r="J42" s="705">
        <v>118</v>
      </c>
      <c r="K42" s="706">
        <v>15</v>
      </c>
      <c r="L42" s="702">
        <v>0</v>
      </c>
      <c r="M42" s="702">
        <v>5</v>
      </c>
      <c r="N42" s="704">
        <v>4</v>
      </c>
      <c r="O42" s="702">
        <v>0</v>
      </c>
      <c r="P42" s="702">
        <v>0</v>
      </c>
      <c r="Q42" s="705">
        <v>24</v>
      </c>
      <c r="R42" s="701">
        <v>66</v>
      </c>
      <c r="S42" s="702">
        <v>5</v>
      </c>
      <c r="T42" s="703">
        <v>57</v>
      </c>
      <c r="U42" s="704">
        <v>13</v>
      </c>
      <c r="V42" s="702">
        <v>1</v>
      </c>
      <c r="W42" s="702">
        <v>0</v>
      </c>
      <c r="X42" s="705">
        <v>142</v>
      </c>
    </row>
    <row r="43" spans="1:24" ht="14.25" customHeight="1" thickTop="1" thickBot="1">
      <c r="A43" s="707"/>
      <c r="B43" s="708" t="s">
        <v>240</v>
      </c>
      <c r="C43" s="709"/>
      <c r="D43" s="710">
        <v>980</v>
      </c>
      <c r="E43" s="711">
        <v>465</v>
      </c>
      <c r="F43" s="712">
        <v>2530</v>
      </c>
      <c r="G43" s="713">
        <v>455</v>
      </c>
      <c r="H43" s="711">
        <v>28</v>
      </c>
      <c r="I43" s="711">
        <v>15</v>
      </c>
      <c r="J43" s="714">
        <v>4473</v>
      </c>
      <c r="K43" s="715">
        <v>65</v>
      </c>
      <c r="L43" s="711">
        <v>21</v>
      </c>
      <c r="M43" s="711">
        <v>143</v>
      </c>
      <c r="N43" s="713">
        <v>17</v>
      </c>
      <c r="O43" s="711">
        <v>0</v>
      </c>
      <c r="P43" s="711">
        <v>0</v>
      </c>
      <c r="Q43" s="714">
        <v>246</v>
      </c>
      <c r="R43" s="710">
        <v>1045</v>
      </c>
      <c r="S43" s="711">
        <v>486</v>
      </c>
      <c r="T43" s="712">
        <v>2673</v>
      </c>
      <c r="U43" s="713">
        <v>472</v>
      </c>
      <c r="V43" s="711">
        <v>28</v>
      </c>
      <c r="W43" s="711">
        <v>15</v>
      </c>
      <c r="X43" s="714">
        <v>4719</v>
      </c>
    </row>
    <row r="44" spans="1:24" ht="24" customHeight="1">
      <c r="A44" s="716" t="s">
        <v>268</v>
      </c>
      <c r="B44" s="717"/>
      <c r="C44" s="717"/>
      <c r="D44" s="693">
        <v>13</v>
      </c>
      <c r="E44" s="689">
        <v>7</v>
      </c>
      <c r="F44" s="689">
        <v>0</v>
      </c>
      <c r="G44" s="689">
        <v>0</v>
      </c>
      <c r="H44" s="689">
        <v>0</v>
      </c>
      <c r="I44" s="689">
        <v>4</v>
      </c>
      <c r="J44" s="692">
        <v>24</v>
      </c>
      <c r="K44" s="718">
        <v>0</v>
      </c>
      <c r="L44" s="689">
        <v>0</v>
      </c>
      <c r="M44" s="689">
        <v>0</v>
      </c>
      <c r="N44" s="691">
        <v>0</v>
      </c>
      <c r="O44" s="689">
        <v>0</v>
      </c>
      <c r="P44" s="689">
        <v>0</v>
      </c>
      <c r="Q44" s="692">
        <v>0</v>
      </c>
      <c r="R44" s="694">
        <v>13</v>
      </c>
      <c r="S44" s="695">
        <v>7</v>
      </c>
      <c r="T44" s="696">
        <v>0</v>
      </c>
      <c r="U44" s="697">
        <v>0</v>
      </c>
      <c r="V44" s="695">
        <v>0</v>
      </c>
      <c r="W44" s="695">
        <v>4</v>
      </c>
      <c r="X44" s="692">
        <v>24</v>
      </c>
    </row>
    <row r="45" spans="1:24" ht="24" customHeight="1">
      <c r="A45" s="719" t="s">
        <v>205</v>
      </c>
      <c r="B45" s="720"/>
      <c r="C45" s="720"/>
      <c r="D45" s="641">
        <v>9</v>
      </c>
      <c r="E45" s="637">
        <v>0</v>
      </c>
      <c r="F45" s="637">
        <v>0</v>
      </c>
      <c r="G45" s="637">
        <v>4</v>
      </c>
      <c r="H45" s="637">
        <v>3</v>
      </c>
      <c r="I45" s="637">
        <v>0</v>
      </c>
      <c r="J45" s="640">
        <v>16</v>
      </c>
      <c r="K45" s="721">
        <v>3</v>
      </c>
      <c r="L45" s="637">
        <v>0</v>
      </c>
      <c r="M45" s="637">
        <v>0</v>
      </c>
      <c r="N45" s="639">
        <v>6</v>
      </c>
      <c r="O45" s="637">
        <v>0</v>
      </c>
      <c r="P45" s="637">
        <v>0</v>
      </c>
      <c r="Q45" s="640">
        <v>9</v>
      </c>
      <c r="R45" s="642">
        <v>12</v>
      </c>
      <c r="S45" s="643">
        <v>0</v>
      </c>
      <c r="T45" s="644">
        <v>0</v>
      </c>
      <c r="U45" s="645">
        <v>10</v>
      </c>
      <c r="V45" s="643">
        <v>3</v>
      </c>
      <c r="W45" s="643">
        <v>0</v>
      </c>
      <c r="X45" s="640">
        <v>25</v>
      </c>
    </row>
    <row r="46" spans="1:24" ht="24" customHeight="1">
      <c r="A46" s="719" t="s">
        <v>114</v>
      </c>
      <c r="B46" s="720"/>
      <c r="C46" s="720"/>
      <c r="D46" s="641">
        <v>0</v>
      </c>
      <c r="E46" s="637">
        <v>0</v>
      </c>
      <c r="F46" s="637">
        <v>0</v>
      </c>
      <c r="G46" s="637">
        <v>0</v>
      </c>
      <c r="H46" s="637">
        <v>0</v>
      </c>
      <c r="I46" s="637">
        <v>0</v>
      </c>
      <c r="J46" s="640">
        <v>0</v>
      </c>
      <c r="K46" s="721">
        <v>3</v>
      </c>
      <c r="L46" s="637">
        <v>3</v>
      </c>
      <c r="M46" s="637">
        <v>0</v>
      </c>
      <c r="N46" s="639">
        <v>0</v>
      </c>
      <c r="O46" s="637">
        <v>0</v>
      </c>
      <c r="P46" s="637">
        <v>0</v>
      </c>
      <c r="Q46" s="640">
        <v>6</v>
      </c>
      <c r="R46" s="642">
        <v>3</v>
      </c>
      <c r="S46" s="643">
        <v>3</v>
      </c>
      <c r="T46" s="644">
        <v>0</v>
      </c>
      <c r="U46" s="645">
        <v>0</v>
      </c>
      <c r="V46" s="643">
        <v>0</v>
      </c>
      <c r="W46" s="643">
        <v>0</v>
      </c>
      <c r="X46" s="640">
        <v>6</v>
      </c>
    </row>
    <row r="47" spans="1:24" ht="24" customHeight="1">
      <c r="A47" s="719" t="s">
        <v>271</v>
      </c>
      <c r="B47" s="720"/>
      <c r="C47" s="720"/>
      <c r="D47" s="641">
        <v>5</v>
      </c>
      <c r="E47" s="637">
        <v>0</v>
      </c>
      <c r="F47" s="637">
        <v>0</v>
      </c>
      <c r="G47" s="637">
        <v>1</v>
      </c>
      <c r="H47" s="637">
        <v>0</v>
      </c>
      <c r="I47" s="637">
        <v>0</v>
      </c>
      <c r="J47" s="640">
        <v>6</v>
      </c>
      <c r="K47" s="721">
        <v>0</v>
      </c>
      <c r="L47" s="637">
        <v>0</v>
      </c>
      <c r="M47" s="637">
        <v>0</v>
      </c>
      <c r="N47" s="639">
        <v>0</v>
      </c>
      <c r="O47" s="637">
        <v>0</v>
      </c>
      <c r="P47" s="637">
        <v>0</v>
      </c>
      <c r="Q47" s="640">
        <v>0</v>
      </c>
      <c r="R47" s="642">
        <v>5</v>
      </c>
      <c r="S47" s="643">
        <v>0</v>
      </c>
      <c r="T47" s="644">
        <v>0</v>
      </c>
      <c r="U47" s="645">
        <v>1</v>
      </c>
      <c r="V47" s="643">
        <v>0</v>
      </c>
      <c r="W47" s="643">
        <v>0</v>
      </c>
      <c r="X47" s="640">
        <v>6</v>
      </c>
    </row>
    <row r="48" spans="1:24" ht="24" customHeight="1">
      <c r="A48" s="719" t="s">
        <v>125</v>
      </c>
      <c r="B48" s="720"/>
      <c r="C48" s="720"/>
      <c r="D48" s="641">
        <v>5</v>
      </c>
      <c r="E48" s="637">
        <v>3</v>
      </c>
      <c r="F48" s="637">
        <v>0</v>
      </c>
      <c r="G48" s="637">
        <v>0</v>
      </c>
      <c r="H48" s="637">
        <v>0</v>
      </c>
      <c r="I48" s="637">
        <v>0</v>
      </c>
      <c r="J48" s="640">
        <v>8</v>
      </c>
      <c r="K48" s="638">
        <v>0</v>
      </c>
      <c r="L48" s="637">
        <v>0</v>
      </c>
      <c r="M48" s="637">
        <v>0</v>
      </c>
      <c r="N48" s="639">
        <v>0</v>
      </c>
      <c r="O48" s="637">
        <v>0</v>
      </c>
      <c r="P48" s="637">
        <v>0</v>
      </c>
      <c r="Q48" s="640">
        <v>0</v>
      </c>
      <c r="R48" s="642">
        <v>5</v>
      </c>
      <c r="S48" s="643">
        <v>3</v>
      </c>
      <c r="T48" s="644">
        <v>0</v>
      </c>
      <c r="U48" s="645">
        <v>0</v>
      </c>
      <c r="V48" s="643">
        <v>0</v>
      </c>
      <c r="W48" s="643">
        <v>0</v>
      </c>
      <c r="X48" s="640">
        <v>8</v>
      </c>
    </row>
    <row r="49" spans="1:24" ht="24" customHeight="1">
      <c r="A49" s="719" t="s">
        <v>131</v>
      </c>
      <c r="B49" s="720"/>
      <c r="C49" s="720"/>
      <c r="D49" s="641">
        <v>3</v>
      </c>
      <c r="E49" s="637">
        <v>0</v>
      </c>
      <c r="F49" s="637">
        <v>0</v>
      </c>
      <c r="G49" s="637">
        <v>0</v>
      </c>
      <c r="H49" s="637">
        <v>0</v>
      </c>
      <c r="I49" s="637">
        <v>0</v>
      </c>
      <c r="J49" s="640">
        <v>3</v>
      </c>
      <c r="K49" s="638">
        <v>0</v>
      </c>
      <c r="L49" s="637">
        <v>0</v>
      </c>
      <c r="M49" s="637">
        <v>0</v>
      </c>
      <c r="N49" s="639">
        <v>0</v>
      </c>
      <c r="O49" s="637">
        <v>0</v>
      </c>
      <c r="P49" s="637">
        <v>0</v>
      </c>
      <c r="Q49" s="640">
        <v>0</v>
      </c>
      <c r="R49" s="642">
        <v>3</v>
      </c>
      <c r="S49" s="643">
        <v>0</v>
      </c>
      <c r="T49" s="644">
        <v>0</v>
      </c>
      <c r="U49" s="645">
        <v>0</v>
      </c>
      <c r="V49" s="643">
        <v>0</v>
      </c>
      <c r="W49" s="643">
        <v>0</v>
      </c>
      <c r="X49" s="640">
        <v>3</v>
      </c>
    </row>
    <row r="50" spans="1:24" ht="24" customHeight="1" thickBot="1">
      <c r="A50" s="722" t="s">
        <v>207</v>
      </c>
      <c r="B50" s="723"/>
      <c r="C50" s="723"/>
      <c r="D50" s="659">
        <v>7</v>
      </c>
      <c r="E50" s="655">
        <v>6</v>
      </c>
      <c r="F50" s="655">
        <v>0</v>
      </c>
      <c r="G50" s="655">
        <v>0</v>
      </c>
      <c r="H50" s="655">
        <v>0</v>
      </c>
      <c r="I50" s="655">
        <v>0</v>
      </c>
      <c r="J50" s="658">
        <v>13</v>
      </c>
      <c r="K50" s="724">
        <v>0</v>
      </c>
      <c r="L50" s="725">
        <v>0</v>
      </c>
      <c r="M50" s="725">
        <v>0</v>
      </c>
      <c r="N50" s="726">
        <v>0</v>
      </c>
      <c r="O50" s="725">
        <v>0</v>
      </c>
      <c r="P50" s="725">
        <v>0</v>
      </c>
      <c r="Q50" s="727">
        <v>0</v>
      </c>
      <c r="R50" s="728">
        <v>7</v>
      </c>
      <c r="S50" s="729">
        <v>6</v>
      </c>
      <c r="T50" s="730">
        <v>0</v>
      </c>
      <c r="U50" s="731">
        <v>0</v>
      </c>
      <c r="V50" s="729">
        <v>0</v>
      </c>
      <c r="W50" s="729">
        <v>0</v>
      </c>
      <c r="X50" s="727">
        <v>13</v>
      </c>
    </row>
    <row r="51" spans="1:24" ht="13.5" customHeight="1" thickBot="1">
      <c r="A51" s="732" t="s">
        <v>242</v>
      </c>
      <c r="B51" s="733"/>
      <c r="C51" s="734"/>
      <c r="D51" s="730">
        <v>42</v>
      </c>
      <c r="E51" s="729">
        <v>16</v>
      </c>
      <c r="F51" s="730">
        <v>0</v>
      </c>
      <c r="G51" s="731">
        <v>5</v>
      </c>
      <c r="H51" s="729">
        <v>3</v>
      </c>
      <c r="I51" s="729">
        <v>4</v>
      </c>
      <c r="J51" s="727">
        <v>70</v>
      </c>
      <c r="K51" s="730">
        <v>6</v>
      </c>
      <c r="L51" s="683">
        <v>3</v>
      </c>
      <c r="M51" s="729">
        <v>0</v>
      </c>
      <c r="N51" s="731">
        <v>6</v>
      </c>
      <c r="O51" s="683">
        <v>0</v>
      </c>
      <c r="P51" s="683">
        <v>0</v>
      </c>
      <c r="Q51" s="686">
        <v>15</v>
      </c>
      <c r="R51" s="730">
        <v>48</v>
      </c>
      <c r="S51" s="683">
        <v>19</v>
      </c>
      <c r="T51" s="730">
        <v>0</v>
      </c>
      <c r="U51" s="731">
        <v>11</v>
      </c>
      <c r="V51" s="683">
        <v>3</v>
      </c>
      <c r="W51" s="683">
        <v>4</v>
      </c>
      <c r="X51" s="686">
        <v>85</v>
      </c>
    </row>
    <row r="52" spans="1:24" ht="13.5" customHeight="1" thickBot="1">
      <c r="A52" s="679"/>
      <c r="B52" s="680" t="s">
        <v>75</v>
      </c>
      <c r="C52" s="735"/>
      <c r="D52" s="687">
        <v>1022</v>
      </c>
      <c r="E52" s="736">
        <v>481</v>
      </c>
      <c r="F52" s="684">
        <v>2530</v>
      </c>
      <c r="G52" s="683">
        <v>460</v>
      </c>
      <c r="H52" s="736">
        <v>31</v>
      </c>
      <c r="I52" s="736">
        <v>19</v>
      </c>
      <c r="J52" s="737">
        <v>4543</v>
      </c>
      <c r="K52" s="687">
        <v>71</v>
      </c>
      <c r="L52" s="736">
        <v>24</v>
      </c>
      <c r="M52" s="683">
        <v>143</v>
      </c>
      <c r="N52" s="683">
        <v>23</v>
      </c>
      <c r="O52" s="736">
        <v>0</v>
      </c>
      <c r="P52" s="736">
        <v>0</v>
      </c>
      <c r="Q52" s="737">
        <v>261</v>
      </c>
      <c r="R52" s="687">
        <v>1093</v>
      </c>
      <c r="S52" s="736">
        <v>505</v>
      </c>
      <c r="T52" s="684">
        <v>2673</v>
      </c>
      <c r="U52" s="683">
        <v>483</v>
      </c>
      <c r="V52" s="736">
        <v>31</v>
      </c>
      <c r="W52" s="736">
        <v>19</v>
      </c>
      <c r="X52" s="737">
        <v>4804</v>
      </c>
    </row>
    <row r="53" spans="1:24" ht="15.95" customHeight="1">
      <c r="B53" s="738" t="s">
        <v>310</v>
      </c>
    </row>
    <row r="54" spans="1:24" ht="19.5" customHeight="1"/>
  </sheetData>
  <mergeCells count="62">
    <mergeCell ref="A46:C46"/>
    <mergeCell ref="A47:C47"/>
    <mergeCell ref="A48:C48"/>
    <mergeCell ref="A49:C49"/>
    <mergeCell ref="A50:C50"/>
    <mergeCell ref="A51:C51"/>
    <mergeCell ref="A38:C38"/>
    <mergeCell ref="A39:C39"/>
    <mergeCell ref="A40:C40"/>
    <mergeCell ref="A41:C41"/>
    <mergeCell ref="A44:C44"/>
    <mergeCell ref="A45:C45"/>
    <mergeCell ref="A32:C32"/>
    <mergeCell ref="A33:C33"/>
    <mergeCell ref="A34:C34"/>
    <mergeCell ref="A35:C35"/>
    <mergeCell ref="A36:C36"/>
    <mergeCell ref="A37:C37"/>
    <mergeCell ref="A25:C25"/>
    <mergeCell ref="A26:C26"/>
    <mergeCell ref="A28:C28"/>
    <mergeCell ref="A29:C29"/>
    <mergeCell ref="A30:C30"/>
    <mergeCell ref="A31:C31"/>
    <mergeCell ref="A19:C19"/>
    <mergeCell ref="A20:C20"/>
    <mergeCell ref="A21:C21"/>
    <mergeCell ref="A22:C22"/>
    <mergeCell ref="A23:C23"/>
    <mergeCell ref="A24:C24"/>
    <mergeCell ref="A13:C13"/>
    <mergeCell ref="A14:C14"/>
    <mergeCell ref="A15:C15"/>
    <mergeCell ref="A16:C16"/>
    <mergeCell ref="A17:C17"/>
    <mergeCell ref="A18:C18"/>
    <mergeCell ref="W6:W7"/>
    <mergeCell ref="A8:C8"/>
    <mergeCell ref="A9:C9"/>
    <mergeCell ref="A10:C10"/>
    <mergeCell ref="A11:C11"/>
    <mergeCell ref="A12:C12"/>
    <mergeCell ref="R5:S5"/>
    <mergeCell ref="T5:W5"/>
    <mergeCell ref="D6:D7"/>
    <mergeCell ref="E6:E7"/>
    <mergeCell ref="I6:I7"/>
    <mergeCell ref="K6:K7"/>
    <mergeCell ref="L6:L7"/>
    <mergeCell ref="P6:P7"/>
    <mergeCell ref="R6:R7"/>
    <mergeCell ref="S6:S7"/>
    <mergeCell ref="W2:X2"/>
    <mergeCell ref="W3:X3"/>
    <mergeCell ref="A4:C7"/>
    <mergeCell ref="E4:I4"/>
    <mergeCell ref="L4:P4"/>
    <mergeCell ref="S4:W4"/>
    <mergeCell ref="D5:E5"/>
    <mergeCell ref="F5:I5"/>
    <mergeCell ref="K5:L5"/>
    <mergeCell ref="M5:P5"/>
  </mergeCells>
  <phoneticPr fontId="5"/>
  <conditionalFormatting sqref="A1:C3 A8:C1048576 D1:XFD1048576">
    <cfRule type="cellIs" dxfId="0" priority="1" operator="equal">
      <formula>0</formula>
    </cfRule>
  </conditionalFormatting>
  <pageMargins left="0.59055118110236227" right="0.59055118110236227" top="0.78740157480314965" bottom="0.35433070866141736" header="0.51181102362204722" footer="0.27559055118110237"/>
  <pageSetup paperSize="9" fitToWidth="2" orientation="portrait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8</vt:i4>
      </vt:variant>
    </vt:vector>
  </HeadingPairs>
  <TitlesOfParts>
    <vt:vector size="16" baseType="lpstr">
      <vt:lpstr>表2-1</vt:lpstr>
      <vt:lpstr>表2-2</vt:lpstr>
      <vt:lpstr>図Ⅱ－１</vt:lpstr>
      <vt:lpstr>表2-3</vt:lpstr>
      <vt:lpstr>表2-4</vt:lpstr>
      <vt:lpstr>表2-5</vt:lpstr>
      <vt:lpstr>表2-6</vt:lpstr>
      <vt:lpstr>表2-7</vt:lpstr>
      <vt:lpstr>'図Ⅱ－１'!Print_Area</vt:lpstr>
      <vt:lpstr>'表2-1'!Print_Area</vt:lpstr>
      <vt:lpstr>'表2-2'!Print_Area</vt:lpstr>
      <vt:lpstr>'表2-3'!Print_Area</vt:lpstr>
      <vt:lpstr>'表2-4'!Print_Area</vt:lpstr>
      <vt:lpstr>'表2-5'!Print_Area</vt:lpstr>
      <vt:lpstr>'表2-6'!Print_Area</vt:lpstr>
      <vt:lpstr>'表2-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資源循環推課指導Ｇ　佐藤　翔</dc:creator>
  <cp:lastModifiedBy>user</cp:lastModifiedBy>
  <cp:lastPrinted>2026-02-12T23:20:32Z</cp:lastPrinted>
  <dcterms:created xsi:type="dcterms:W3CDTF">2018-03-07T02:42:08Z</dcterms:created>
  <dcterms:modified xsi:type="dcterms:W3CDTF">2026-03-31T04:34:40Z</dcterms:modified>
</cp:coreProperties>
</file>